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sldIdLst>
    <p:sldId id="2147470421" r:id="rId5"/>
    <p:sldId id="2147470419" r:id="rId6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A870A74-2003-4E3E-8F79-4EAF6A2F6070}" v="2" dt="2023-11-15T22:30:00.854"/>
    <p1510:client id="{3C0E5AC0-2EB0-4DDC-9709-58F434CC5248}" v="8" dt="2023-11-15T22:54:16.38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>
        <p:scale>
          <a:sx n="103" d="100"/>
          <a:sy n="103" d="100"/>
        </p:scale>
        <p:origin x="522" y="1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12" Type="http://schemas.microsoft.com/office/2015/10/relationships/revisionInfo" Target="revisionInfo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microsoft.com/office/2016/11/relationships/changesInfo" Target="changesInfos/changesInfo1.xml"/><Relationship Id="rId5" Type="http://schemas.openxmlformats.org/officeDocument/2006/relationships/slide" Target="slides/slide1.xml"/><Relationship Id="rId10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hiannon Chin" userId="S::chinr@calaces.org::73325b9a-1871-4442-a67f-08cf4d27476b" providerId="AD" clId="Web-{3A870A74-2003-4E3E-8F79-4EAF6A2F6070}"/>
    <pc:docChg chg="addSld sldOrd">
      <pc:chgData name="Rhiannon Chin" userId="S::chinr@calaces.org::73325b9a-1871-4442-a67f-08cf4d27476b" providerId="AD" clId="Web-{3A870A74-2003-4E3E-8F79-4EAF6A2F6070}" dt="2023-11-15T22:30:00.854" v="1"/>
      <pc:docMkLst>
        <pc:docMk/>
      </pc:docMkLst>
      <pc:sldChg chg="new ord">
        <pc:chgData name="Rhiannon Chin" userId="S::chinr@calaces.org::73325b9a-1871-4442-a67f-08cf4d27476b" providerId="AD" clId="Web-{3A870A74-2003-4E3E-8F79-4EAF6A2F6070}" dt="2023-11-15T22:30:00.854" v="1"/>
        <pc:sldMkLst>
          <pc:docMk/>
          <pc:sldMk cId="63600753" sldId="2147470420"/>
        </pc:sldMkLst>
      </pc:sldChg>
    </pc:docChg>
  </pc:docChgLst>
  <pc:docChgLst>
    <pc:chgData name="Rhiannon Chin" userId="73325b9a-1871-4442-a67f-08cf4d27476b" providerId="ADAL" clId="{3C0E5AC0-2EB0-4DDC-9709-58F434CC5248}"/>
    <pc:docChg chg="custSel addSld delSld modSld modMainMaster">
      <pc:chgData name="Rhiannon Chin" userId="73325b9a-1871-4442-a67f-08cf4d27476b" providerId="ADAL" clId="{3C0E5AC0-2EB0-4DDC-9709-58F434CC5248}" dt="2023-11-15T22:54:16.386" v="806" actId="1035"/>
      <pc:docMkLst>
        <pc:docMk/>
      </pc:docMkLst>
      <pc:sldChg chg="modSp mod">
        <pc:chgData name="Rhiannon Chin" userId="73325b9a-1871-4442-a67f-08cf4d27476b" providerId="ADAL" clId="{3C0E5AC0-2EB0-4DDC-9709-58F434CC5248}" dt="2023-11-15T22:54:16.386" v="806" actId="1035"/>
        <pc:sldMkLst>
          <pc:docMk/>
          <pc:sldMk cId="1116663543" sldId="2147470419"/>
        </pc:sldMkLst>
        <pc:spChg chg="mod">
          <ac:chgData name="Rhiannon Chin" userId="73325b9a-1871-4442-a67f-08cf4d27476b" providerId="ADAL" clId="{3C0E5AC0-2EB0-4DDC-9709-58F434CC5248}" dt="2023-11-15T22:54:16.386" v="806" actId="1035"/>
          <ac:spMkLst>
            <pc:docMk/>
            <pc:sldMk cId="1116663543" sldId="2147470419"/>
            <ac:spMk id="5" creationId="{4667F00B-7498-B87C-F4BB-1A4FE99518E8}"/>
          </ac:spMkLst>
        </pc:spChg>
      </pc:sldChg>
      <pc:sldChg chg="del">
        <pc:chgData name="Rhiannon Chin" userId="73325b9a-1871-4442-a67f-08cf4d27476b" providerId="ADAL" clId="{3C0E5AC0-2EB0-4DDC-9709-58F434CC5248}" dt="2023-11-15T22:31:31.479" v="1" actId="47"/>
        <pc:sldMkLst>
          <pc:docMk/>
          <pc:sldMk cId="63600753" sldId="2147470420"/>
        </pc:sldMkLst>
      </pc:sldChg>
      <pc:sldChg chg="addSp delSp modSp add mod">
        <pc:chgData name="Rhiannon Chin" userId="73325b9a-1871-4442-a67f-08cf4d27476b" providerId="ADAL" clId="{3C0E5AC0-2EB0-4DDC-9709-58F434CC5248}" dt="2023-11-15T22:54:05.450" v="804" actId="20577"/>
        <pc:sldMkLst>
          <pc:docMk/>
          <pc:sldMk cId="3156427496" sldId="2147470421"/>
        </pc:sldMkLst>
        <pc:spChg chg="add mod">
          <ac:chgData name="Rhiannon Chin" userId="73325b9a-1871-4442-a67f-08cf4d27476b" providerId="ADAL" clId="{3C0E5AC0-2EB0-4DDC-9709-58F434CC5248}" dt="2023-11-15T22:54:05.450" v="804" actId="20577"/>
          <ac:spMkLst>
            <pc:docMk/>
            <pc:sldMk cId="3156427496" sldId="2147470421"/>
            <ac:spMk id="4" creationId="{EC87D925-47CF-3655-39F9-E4082E4E9803}"/>
          </ac:spMkLst>
        </pc:spChg>
        <pc:spChg chg="del mod">
          <ac:chgData name="Rhiannon Chin" userId="73325b9a-1871-4442-a67f-08cf4d27476b" providerId="ADAL" clId="{3C0E5AC0-2EB0-4DDC-9709-58F434CC5248}" dt="2023-11-15T22:32:31.838" v="5"/>
          <ac:spMkLst>
            <pc:docMk/>
            <pc:sldMk cId="3156427496" sldId="2147470421"/>
            <ac:spMk id="5" creationId="{4667F00B-7498-B87C-F4BB-1A4FE99518E8}"/>
          </ac:spMkLst>
        </pc:spChg>
        <pc:spChg chg="del mod">
          <ac:chgData name="Rhiannon Chin" userId="73325b9a-1871-4442-a67f-08cf4d27476b" providerId="ADAL" clId="{3C0E5AC0-2EB0-4DDC-9709-58F434CC5248}" dt="2023-11-15T22:32:56.248" v="7" actId="478"/>
          <ac:spMkLst>
            <pc:docMk/>
            <pc:sldMk cId="3156427496" sldId="2147470421"/>
            <ac:spMk id="176" creationId="{6F801D9A-178C-5D0B-606E-AEC636E1FDC5}"/>
          </ac:spMkLst>
        </pc:spChg>
      </pc:sldChg>
      <pc:sldMasterChg chg="addSp delSp modSp mod">
        <pc:chgData name="Rhiannon Chin" userId="73325b9a-1871-4442-a67f-08cf4d27476b" providerId="ADAL" clId="{3C0E5AC0-2EB0-4DDC-9709-58F434CC5248}" dt="2023-11-15T22:53:25.908" v="782" actId="20577"/>
        <pc:sldMasterMkLst>
          <pc:docMk/>
          <pc:sldMasterMk cId="1512732924" sldId="2147483660"/>
        </pc:sldMasterMkLst>
        <pc:spChg chg="del">
          <ac:chgData name="Rhiannon Chin" userId="73325b9a-1871-4442-a67f-08cf4d27476b" providerId="ADAL" clId="{3C0E5AC0-2EB0-4DDC-9709-58F434CC5248}" dt="2023-11-15T22:51:55.613" v="698" actId="478"/>
          <ac:spMkLst>
            <pc:docMk/>
            <pc:sldMasterMk cId="1512732924" sldId="2147483660"/>
            <ac:spMk id="2" creationId="{00000000-0000-0000-0000-000000000000}"/>
          </ac:spMkLst>
        </pc:spChg>
        <pc:spChg chg="del">
          <ac:chgData name="Rhiannon Chin" userId="73325b9a-1871-4442-a67f-08cf4d27476b" providerId="ADAL" clId="{3C0E5AC0-2EB0-4DDC-9709-58F434CC5248}" dt="2023-11-15T22:51:55.613" v="698" actId="478"/>
          <ac:spMkLst>
            <pc:docMk/>
            <pc:sldMasterMk cId="1512732924" sldId="2147483660"/>
            <ac:spMk id="3" creationId="{00000000-0000-0000-0000-000000000000}"/>
          </ac:spMkLst>
        </pc:spChg>
        <pc:spChg chg="del mod">
          <ac:chgData name="Rhiannon Chin" userId="73325b9a-1871-4442-a67f-08cf4d27476b" providerId="ADAL" clId="{3C0E5AC0-2EB0-4DDC-9709-58F434CC5248}" dt="2023-11-15T22:51:55.613" v="698" actId="478"/>
          <ac:spMkLst>
            <pc:docMk/>
            <pc:sldMasterMk cId="1512732924" sldId="2147483660"/>
            <ac:spMk id="4" creationId="{00000000-0000-0000-0000-000000000000}"/>
          </ac:spMkLst>
        </pc:spChg>
        <pc:spChg chg="del">
          <ac:chgData name="Rhiannon Chin" userId="73325b9a-1871-4442-a67f-08cf4d27476b" providerId="ADAL" clId="{3C0E5AC0-2EB0-4DDC-9709-58F434CC5248}" dt="2023-11-15T22:51:55.613" v="698" actId="478"/>
          <ac:spMkLst>
            <pc:docMk/>
            <pc:sldMasterMk cId="1512732924" sldId="2147483660"/>
            <ac:spMk id="5" creationId="{00000000-0000-0000-0000-000000000000}"/>
          </ac:spMkLst>
        </pc:spChg>
        <pc:spChg chg="del">
          <ac:chgData name="Rhiannon Chin" userId="73325b9a-1871-4442-a67f-08cf4d27476b" providerId="ADAL" clId="{3C0E5AC0-2EB0-4DDC-9709-58F434CC5248}" dt="2023-11-15T22:51:55.613" v="698" actId="478"/>
          <ac:spMkLst>
            <pc:docMk/>
            <pc:sldMasterMk cId="1512732924" sldId="2147483660"/>
            <ac:spMk id="6" creationId="{00000000-0000-0000-0000-000000000000}"/>
          </ac:spMkLst>
        </pc:spChg>
        <pc:spChg chg="add mod">
          <ac:chgData name="Rhiannon Chin" userId="73325b9a-1871-4442-a67f-08cf4d27476b" providerId="ADAL" clId="{3C0E5AC0-2EB0-4DDC-9709-58F434CC5248}" dt="2023-11-15T22:52:16.770" v="714" actId="1036"/>
          <ac:spMkLst>
            <pc:docMk/>
            <pc:sldMasterMk cId="1512732924" sldId="2147483660"/>
            <ac:spMk id="7" creationId="{0DCCABA9-1F1A-9C18-40EB-759568B5E62D}"/>
          </ac:spMkLst>
        </pc:spChg>
        <pc:spChg chg="add mod">
          <ac:chgData name="Rhiannon Chin" userId="73325b9a-1871-4442-a67f-08cf4d27476b" providerId="ADAL" clId="{3C0E5AC0-2EB0-4DDC-9709-58F434CC5248}" dt="2023-11-15T22:53:25.908" v="782" actId="20577"/>
          <ac:spMkLst>
            <pc:docMk/>
            <pc:sldMasterMk cId="1512732924" sldId="2147483660"/>
            <ac:spMk id="8" creationId="{466F9B7A-7193-35CC-87F0-24FDFC3F2B77}"/>
          </ac:spMkLst>
        </pc:spChg>
      </pc:sldMaster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20415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321671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  <a:prstGeom prst="rect">
            <a:avLst/>
          </a:prstGeo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42043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8552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  <a:prstGeom prst="rect">
            <a:avLst/>
          </a:prstGeo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9685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5622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2953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8211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914298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359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EFF8D6BE-A7AB-4296-98E7-703578233EF1}" type="datetimeFigureOut">
              <a:rPr lang="en-US" smtClean="0"/>
              <a:t>11/15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62CE78A0-4756-43CC-9132-90784ACE83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88608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0DCCABA9-1F1A-9C18-40EB-759568B5E6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79938" y="573014"/>
            <a:ext cx="8558789" cy="564145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66F9B7A-7193-35CC-87F0-24FDFC3F2B77}"/>
              </a:ext>
            </a:extLst>
          </p:cNvPr>
          <p:cNvSpPr/>
          <p:nvPr userDrawn="1"/>
        </p:nvSpPr>
        <p:spPr>
          <a:xfrm>
            <a:off x="0" y="6443530"/>
            <a:ext cx="9137207" cy="407939"/>
          </a:xfrm>
          <a:prstGeom prst="rect">
            <a:avLst/>
          </a:prstGeom>
          <a:solidFill>
            <a:srgbClr val="1A3292"/>
          </a:solidFill>
          <a:ln>
            <a:solidFill>
              <a:srgbClr val="20479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tabLst>
                <a:tab pos="4284492" algn="l"/>
                <a:tab pos="8632480" algn="r"/>
              </a:tabLst>
            </a:pPr>
            <a:r>
              <a:rPr lang="en-US" sz="900" dirty="0">
                <a:latin typeface="Century Gothic"/>
                <a:cs typeface="Century Gothic"/>
              </a:rPr>
              <a:t>Cal</a:t>
            </a:r>
            <a:r>
              <a:rPr lang="en-US" sz="900" b="1" dirty="0">
                <a:latin typeface="Century Gothic"/>
                <a:cs typeface="Century Gothic"/>
              </a:rPr>
              <a:t>SAWS</a:t>
            </a:r>
            <a:r>
              <a:rPr lang="en-US" sz="900" dirty="0">
                <a:latin typeface="Century Gothic"/>
                <a:cs typeface="Century Gothic"/>
              </a:rPr>
              <a:t> | </a:t>
            </a:r>
            <a:r>
              <a:rPr lang="en-US" sz="900" b="1" dirty="0">
                <a:latin typeface="Century Gothic"/>
                <a:cs typeface="Century Gothic"/>
              </a:rPr>
              <a:t>CalSAWS Imaging Committee – 11/16/2023 Hyland OCR Test	</a:t>
            </a:r>
            <a:r>
              <a:rPr lang="en-US" sz="900" dirty="0">
                <a:latin typeface="Century Gothic"/>
                <a:cs typeface="Century Gothic"/>
              </a:rPr>
              <a:t>	          </a:t>
            </a:r>
            <a:fld id="{9177F060-00DB-0849-8EF9-977425B2C345}" type="slidenum">
              <a:rPr lang="en-US" sz="900" smtClean="0">
                <a:latin typeface="Century Gothic"/>
                <a:cs typeface="Century Gothic"/>
              </a:rPr>
              <a:pPr>
                <a:tabLst>
                  <a:tab pos="4284492" algn="l"/>
                  <a:tab pos="8632480" algn="r"/>
                </a:tabLst>
              </a:pPr>
              <a:t>‹#›</a:t>
            </a:fld>
            <a:endParaRPr lang="en-US" sz="900" dirty="0">
              <a:latin typeface="Century Gothic"/>
              <a:cs typeface="Century Gothic"/>
            </a:endParaRPr>
          </a:p>
        </p:txBody>
      </p:sp>
    </p:spTree>
    <p:extLst>
      <p:ext uri="{BB962C8B-B14F-4D97-AF65-F5344CB8AC3E}">
        <p14:creationId xmlns:p14="http://schemas.microsoft.com/office/powerpoint/2010/main" val="15127329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7" Type="http://schemas.openxmlformats.org/officeDocument/2006/relationships/slideLayout" Target="../slideLayouts/slideLayout7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5" Type="http://schemas.openxmlformats.org/officeDocument/2006/relationships/tags" Target="../tags/tag11.xml"/><Relationship Id="rId4" Type="http://schemas.openxmlformats.org/officeDocument/2006/relationships/tags" Target="../tags/tag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5" name="Title 1">
            <a:extLst>
              <a:ext uri="{FF2B5EF4-FFF2-40B4-BE49-F238E27FC236}">
                <a16:creationId xmlns:a16="http://schemas.microsoft.com/office/drawing/2014/main" id="{36DE72AD-7AE2-C313-45F6-40F1A3FF161C}"/>
              </a:ext>
            </a:extLst>
          </p:cNvPr>
          <p:cNvSpPr txBox="1">
            <a:spLocks/>
          </p:cNvSpPr>
          <p:nvPr/>
        </p:nvSpPr>
        <p:spPr>
          <a:xfrm>
            <a:off x="182880" y="15288"/>
            <a:ext cx="8614634" cy="401544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200" dirty="0">
                <a:solidFill>
                  <a:srgbClr val="1A3292"/>
                </a:solidFill>
                <a:latin typeface="Century Gothic" panose="020B0502020202020204" pitchFamily="34" charset="0"/>
              </a:rPr>
              <a:t>Hyland OCR Test</a:t>
            </a: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BF7EEB6-58FE-22BE-CE59-9281223B482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47170F6C-314F-7342-0509-B2A9F8027809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7741C9E-659A-26BA-1F77-870262F4D4D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260215" y="4884226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EE8F9424-15CA-02B5-F892-2002D88DAF9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" name="OTLSHAPE_TB_00000000000000000000000000000000_ElapsedTime" hidden="1">
            <a:extLst>
              <a:ext uri="{FF2B5EF4-FFF2-40B4-BE49-F238E27FC236}">
                <a16:creationId xmlns:a16="http://schemas.microsoft.com/office/drawing/2014/main" id="{CA3B678B-F05D-3EAD-4CE9-022A2FB9378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92200" y="4630226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C87D925-47CF-3655-39F9-E4082E4E9803}"/>
              </a:ext>
            </a:extLst>
          </p:cNvPr>
          <p:cNvSpPr txBox="1"/>
          <p:nvPr/>
        </p:nvSpPr>
        <p:spPr>
          <a:xfrm>
            <a:off x="310393" y="704675"/>
            <a:ext cx="8212822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Century Gothic" panose="020B0502020202020204" pitchFamily="34" charset="0"/>
              </a:rPr>
              <a:t>The Imaging team, in collaboration with the BenefitsCal team, has been testing enabling OCR for BenefitsCal document uploads.</a:t>
            </a:r>
          </a:p>
          <a:p>
            <a:endParaRPr lang="en-US" sz="2000" dirty="0">
              <a:latin typeface="Century Gothic" panose="020B0502020202020204" pitchFamily="34" charset="0"/>
            </a:endParaRPr>
          </a:p>
          <a:p>
            <a:r>
              <a:rPr lang="en-US" sz="2000" dirty="0">
                <a:latin typeface="Century Gothic" panose="020B0502020202020204" pitchFamily="34" charset="0"/>
              </a:rPr>
              <a:t>Part of the testing focus is the realistic result of using OCR. How accurate is OCR in classifying documents and how will the queues be impacted?</a:t>
            </a:r>
          </a:p>
          <a:p>
            <a:pPr lvl="1"/>
            <a:endParaRPr lang="en-US" sz="2000" dirty="0">
              <a:latin typeface="Century Gothic" panose="020B0502020202020204" pitchFamily="34" charset="0"/>
            </a:endParaRPr>
          </a:p>
          <a:p>
            <a:r>
              <a:rPr lang="en-US" sz="2000" dirty="0">
                <a:latin typeface="Century Gothic" panose="020B0502020202020204" pitchFamily="34" charset="0"/>
              </a:rPr>
              <a:t>We would like the Imaging Committee’s feedback on the initial results.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642749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5" name="Title 1">
            <a:extLst>
              <a:ext uri="{FF2B5EF4-FFF2-40B4-BE49-F238E27FC236}">
                <a16:creationId xmlns:a16="http://schemas.microsoft.com/office/drawing/2014/main" id="{36DE72AD-7AE2-C313-45F6-40F1A3FF161C}"/>
              </a:ext>
            </a:extLst>
          </p:cNvPr>
          <p:cNvSpPr txBox="1">
            <a:spLocks/>
          </p:cNvSpPr>
          <p:nvPr/>
        </p:nvSpPr>
        <p:spPr>
          <a:xfrm>
            <a:off x="182880" y="15288"/>
            <a:ext cx="8614634" cy="401544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200" dirty="0">
                <a:solidFill>
                  <a:srgbClr val="1A3292"/>
                </a:solidFill>
                <a:latin typeface="Century Gothic" panose="020B0502020202020204" pitchFamily="34" charset="0"/>
              </a:rPr>
              <a:t>Hyland OCR Test</a:t>
            </a:r>
          </a:p>
        </p:txBody>
      </p:sp>
      <p:sp>
        <p:nvSpPr>
          <p:cNvPr id="176" name="Text Placeholder 2">
            <a:extLst>
              <a:ext uri="{FF2B5EF4-FFF2-40B4-BE49-F238E27FC236}">
                <a16:creationId xmlns:a16="http://schemas.microsoft.com/office/drawing/2014/main" id="{6F801D9A-178C-5D0B-606E-AEC636E1FDC5}"/>
              </a:ext>
            </a:extLst>
          </p:cNvPr>
          <p:cNvSpPr txBox="1">
            <a:spLocks/>
          </p:cNvSpPr>
          <p:nvPr/>
        </p:nvSpPr>
        <p:spPr>
          <a:xfrm>
            <a:off x="190127" y="586059"/>
            <a:ext cx="8615363" cy="386954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2500" lnSpcReduction="20000"/>
          </a:bodyPr>
          <a:lstStyle>
            <a:defPPr>
              <a:defRPr lang="en-US"/>
            </a:defPPr>
            <a:lvl1pPr marL="0" algn="l" defTabSz="4572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>
              <a:solidFill>
                <a:srgbClr val="88AF4B"/>
              </a:solidFill>
              <a:latin typeface="Century Gothic" panose="020B0502020202020204" pitchFamily="34" charset="0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BF7EEB6-58FE-22BE-CE59-9281223B482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47170F6C-314F-7342-0509-B2A9F8027809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7741C9E-659A-26BA-1F77-870262F4D4D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260215" y="4884226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EE8F9424-15CA-02B5-F892-2002D88DAF9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" name="OTLSHAPE_TB_00000000000000000000000000000000_ElapsedTime" hidden="1">
            <a:extLst>
              <a:ext uri="{FF2B5EF4-FFF2-40B4-BE49-F238E27FC236}">
                <a16:creationId xmlns:a16="http://schemas.microsoft.com/office/drawing/2014/main" id="{CA3B678B-F05D-3EAD-4CE9-022A2FB9378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92200" y="4630226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1">
            <a:extLst>
              <a:ext uri="{FF2B5EF4-FFF2-40B4-BE49-F238E27FC236}">
                <a16:creationId xmlns:a16="http://schemas.microsoft.com/office/drawing/2014/main" id="{4667F00B-7498-B87C-F4BB-1A4FE99518E8}"/>
              </a:ext>
            </a:extLst>
          </p:cNvPr>
          <p:cNvSpPr>
            <a:spLocks noChangeArrowheads="1"/>
          </p:cNvSpPr>
          <p:nvPr/>
        </p:nvSpPr>
        <p:spPr bwMode="auto">
          <a:xfrm>
            <a:off x="182880" y="567397"/>
            <a:ext cx="8541062" cy="584775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0" rIns="9144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entury Gothic" panose="020B0502020202020204" pitchFamily="34" charset="0"/>
              </a:rPr>
              <a:t>Per our sample set, ~50% of the documents benefited from the OCR process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entury Gothic" panose="020B0502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entury Gothic" panose="020B0502020202020204" pitchFamily="34" charset="0"/>
              </a:rPr>
              <a:t>The remaining documents would retain the user selected value. We expect this to greatly improve the classification of documents submitted through BenefitsCal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entury Gothic" panose="020B0502020202020204" pitchFamily="34" charset="0"/>
              </a:rPr>
              <a:t>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entury Gothic" panose="020B0502020202020204" pitchFamily="34" charset="0"/>
              </a:rPr>
              <a:t>There will be a shift-left of classifying documents as we will identify</a:t>
            </a:r>
            <a:r>
              <a:rPr lang="en-US" altLang="en-US" sz="2000" dirty="0">
                <a:latin typeface="Century Gothic" panose="020B0502020202020204" pitchFamily="34" charset="0"/>
              </a:rPr>
              <a:t> customer classification inconsistencies earlier on in processing with OCR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US" altLang="en-US" sz="2000" dirty="0">
              <a:latin typeface="Century Gothic" panose="020B0502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entury Gothic" panose="020B0502020202020204" pitchFamily="34" charset="0"/>
              </a:rPr>
              <a:t>The scenarios that will be automatically identified prior to task generation and customer reporting are:</a:t>
            </a:r>
            <a:endParaRPr kumimoji="0" lang="en-US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entury Gothic" panose="020B0502020202020204" pitchFamily="34" charset="0"/>
            </a:endParaRPr>
          </a:p>
          <a:p>
            <a:pPr marL="742950" lvl="1" indent="-285750" defTabSz="9144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entury Gothic" panose="020B0502020202020204" pitchFamily="34" charset="0"/>
              </a:rPr>
              <a:t>More granular document classification vs the limited options in BenefitsCal available to the customer.</a:t>
            </a:r>
          </a:p>
          <a:p>
            <a:pPr marL="742950" lvl="1" indent="-285750" defTabSz="9144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entury Gothic" panose="020B0502020202020204" pitchFamily="34" charset="0"/>
              </a:rPr>
              <a:t>Documents that have a CalSAWS barcode on them that belong to a different case than they were submitted under.</a:t>
            </a:r>
          </a:p>
          <a:p>
            <a:pPr marL="742950" lvl="1" indent="-285750" defTabSz="9144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entury Gothic" panose="020B0502020202020204" pitchFamily="34" charset="0"/>
              </a:rPr>
              <a:t>Time-sensitive documents that do not have sufficient information for us to update customer reporting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666354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jYmM2MDUzMi03MzY3LTQ3NDItOTgyZS04NWQ1NDI5NzgwNjQiLCJJbmRleCI6MCwiR3JvdXBJZCI6bnVsbCwiVGl0bGUiOiJQZXJmb3JtYW5jZSBUZXN0IiwiRGF0ZVRpbWUiOiIyMDIzLTEwLTA1VDIzOjU5OjAwWiIsIlBlcmNlbnRhZ2VDb21wbGV0ZSI6bnVsbCwiTm90ZSI6bnVsbCwiU3R5bGUiOnsiJGlkIjoiNiIsIlRpdGxlUG9zaXRpb24iOiJBYm92ZSIsIkRhdGVQb3NpdGlvbiI6IkxlZnQiLCJTaGFwZVR5cGUiOjEsIlNoYXBlU2l6ZSI6MC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RGF0ZVN0eWxlIjp7IiRpZCI6IjIzIiwiRm9udFNldHRpbmdzIjp7IiRpZCI6IjI0IiwiRm9udFNpemUiOjcsIkZvbnROYW1lIjoiQ2FsaWJyaSIsIklzQm9sZCI6ZmFsc2UsIklzSXRhbGljIjpmYWxzZSwiSXNVbmRlcmxpbmVkIjpmYWxzZSwiUGFyZW50U3R5bGUiOm51bGx9LCJBdXRvU2l6ZSI6MiwiRm9yZWdyb3VuZCI6eyIkaWQiOiIyNSIsIkNvbG9yIjp7IiRpZCI6IjI2IiwiQSI6MjU1LCJSIjo2OCwiRyI6ODQsIkIiOjEwNn19LCJNYXhXaWR0aCI6MTYuMCwiTWF4SGVpZ2h0IjoiSW5maW5pdHkiLCJTbWFydEZvcmVncm91bmRJc0FjdGl2ZSI6ZmFsc2UsIkhvcml6b250YWxBbGlnbm1lbnQiOjI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4OSwiUiI6MCwiRyI6MCwiQiI6MH19LCJJc1Zpc2libGUiOnRydWUsIldpZHRoIjowLjAsIkhlaWdodCI6MC4wLCJCb3JkZXJTdHlsZSI6bnVsbCwiUGFyZW50U3R5bGUiOm51bGx9LCJEYXRlRm9ybWF0Ijp7IiRpZCI6I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NiIsIkZvbnRTZXR0aW5ncyI6eyIkaWQiOiI0NyIsIkZvbnRTaXplIjo3LCJGb250TmFtZSI6IkNhbGlicmkiLCJJc0JvbGQiOmZhbHNlLCJJc0l0YWxpYyI6ZmFsc2UsIklzVW5kZXJsaW5lZCI6ZmFsc2UsIlBhcmVudFN0eWxlIjpudWxsfSwiQXV0b1NpemUiOjIsIkZvcmVncm91bmQiOnsiJGlkIjoiNDgiLCJDb2xvciI6eyIkaWQiOiI0OSIsIkEiOjI1NSwiUiI6NjgsIkciOjg0LCJCIjoxMDZ9fSwiTWF4V2lkdGgiOjE5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cmVmIjoiMzEifSwiV2Vla051bWJlcmluZyI6eyIkaWQiOiI1M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YyIiwiRm9udFNldHRpbmdzIjp7IiRpZCI6IjYzIiwiRm9udFNpemUiOjEwLCJGb250TmFtZSI6IkNhbGlicmkiLCJJc0JvbGQiOmZhbHNlLCJJc0l0YWxpYyI6ZmFsc2UsIklzVW5kZXJsaW5lZCI6ZmFsc2UsIlBhcmVudFN0eWxlIjpudWxsfSwiQXV0b1NpemUiOjAsIkZvcmVncm91bmQiOnsiJGlkIjoiNjQiLCJDb2xvciI6eyIkaWQiOiI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HJlZiI6IjMxIn0sIldlZWtOdW1iZXJpbmciOnsiJGlkIjoiNjY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MCIsIkNvbG9yIjp7IiRpZCI6IjgxIiwiQSI6ODksIlIiOjAsIkciOjAsIkIiOjB9fSwiSXNWaXNpYmxlIjp0cnVlLCJXaWR0aCI6MC4wLCJIZWlnaHQiOjAuMCwiQm9yZGVyU3R5bGUiOm51bGwsIlBhcmVudFN0eWxlIjpudWxsfSwiRGF0ZVN0eWxlIjp7IiRpZCI6IjgyIiwiRm9udFNldHRpbmdzIjp7IiRpZCI6IjgzIiwiRm9udFNpemUiOjcsIkZvbnROYW1lIjoiQ2FsaWJyaSIsIklzQm9sZCI6ZmFsc2UsIklzSXRhbGljIjpmYWxzZSwiSXNVbmRlcmxpbmVkIjpmYWxzZSwiUGFyZW50U3R5bGUiOm51bGx9LCJBdXRvU2l6ZSI6MCwiRm9yZWdyb3VuZCI6eyIkaWQiOiI4NCIsIkNvbG9yIjp7IiRpZCI6Ijg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4NiIsIkNvbG9yIjp7IiRpZCI6Ijg3IiwiQSI6ODksIlIiOjAsIkciOjAsIkIiOjB9fSwiSXNWaXNpYmxlIjp0cnV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S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wMSIsIkZvbnRTZXR0aW5ncyI6eyIkaWQiOiIxMDIiLCJGb250U2l6ZSI6MTAsIkZvbnROYW1lIjoiQ2FsaWJyaSIsIklzQm9sZCI6ZmFsc2UsIklzSXRhbGljIjpmYWxzZSwiSXNVbmRlcmxpbmVkIjpmYWxzZSwiUGFyZW50U3R5bGUiOm51bGx9LCJBdXRvU2l6ZSI6MCwiRm9yZWdyb3VuZCI6eyIkaWQiOiIxMDMiLCJDb2xvciI6eyIkaWQiOiIxM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yZWYiOiIyMSJ9LCJJc1Zpc2libGUiOnRydWUsIldpZHRoIjowLjAsIkhlaWdodCI6MC4wLCJCb3JkZXJTdHlsZSI6eyIkaWQiOiIxMTciLCJMaW5lQ29sb3IiOm51bGwsIkxpbmVXZWlnaHQiOjAuMCwiTGluZVR5cGUiOjAsIlBhcmVudFN0eWxlIjpudWxsfS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HJlZiI6IjI5In0sIklzVmlzaWJsZSI6dHJ1ZSwiV2lkdGgiOjAuMCwiSGVpZ2h0IjowLjAsIkJvcmRlclN0eWxlIjp7IiRpZCI6IjEyMiIsIkxpbmVDb2xvciI6bnVsbCwiTGluZVdlaWdodCI6MC4wLCJMaW5lVHlwZSI6MCwiUGFyZW50U3R5bGUiOm51bGx9LCJQYXJlbnRTdHlsZSI6bnVsbH0sIkRhdGVGb3JtYXQiOnsiJHJlZiI6IjMxIn0sIldlZWtOdW1iZXJpbmciOnsiJGlkIjoiMTIz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bnVsbCwiUGFyZW50U3R5bGUiOm51bGx9LCJCYWNrZ3JvdW5kU3R5bGUiOnsiJGlkIjoiMTQyIiwiTWFyZ2luIjp7IiRpZCI6IjE0MyIsIlRvcCI6MC4wLCJMZWZ0IjowLjAsIlJpZ2h0IjowLjAsIkJvdHRvbSI6MC4wfSwiUGFkZGluZyI6eyIkaWQiOiIxNDQiLCJUb3AiOjAuMCwiTGVmdCI6MC4wLCJSaWdodCI6MC4wLCJCb3R0b20iOjAuMH0sIkJhY2tncm91bmQiOnsiJGlkIjoiMTQ1IiwiQ29sb3IiOnsiJGlkIjoiMTQ2IiwiQSI6NTEsIlIiOjE2NSwiRyI6MTY1LCJCIjoxNjV9fSwiSXNWaXNpYmxlIjp0cnV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GlkIjoiMjM0IiwiQ29sb3IiOnsiJGlkIjoiMjM1IiwiQSI6ODksIlIiOjAsIkciOjAsIkIiOjB9fSwiSXNWaXNpYmxlIjp0cnVlLCJXaWR0aCI6MC4wLCJIZWlnaHQiOjAuMCwiQm9yZGVyU3R5bGUiOnsiJGlkIjoiMjM2IiwiTGluZUNvbG9yIjpudWxsLCJMaW5lV2VpZ2h0IjowLjAsIkxpbmVUeXBlIjowLCJQYXJlbnRTdHlsZSI6bnVsbH0sIlBhcmVudFN0eWxlIjpudWxsfSwiRGF0ZUZvcm1hdCI6eyIkaWQiOiIy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bnVsbH0sIlJpZ2h0RW5kQ2Fwc1N0eWxlIjp7IiRpZCI6IjM0MiIsIkZvbnRTZXR0aW5ncyI6eyIkaWQiOiIzNDMiLCJGb250U2l6ZSI6MTgsIkZvbnROYW1lIjoiQ2FsaWJyaSIsIklzQm9sZCI6dHJ1ZSwiSXNJdGFsaWMiOmZhbHNlLCJJc1VuZGVybGluZWQiOmZhbHNlLCJQYXJlbnRTdHlsZSI6bnVsbH0sIkF1dG9TaXplIjowLCJGb3JlZ3JvdW5kIjp7IiRpZCI6IjM0NCIsIkNvbG9yIjp7IiRpZCI6IjM0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4IiwiVG9wIjowLjAsIkxlZnQiOjAuMCwiUmlnaHQiOjAuMCwiQm90dG9tIjowLjB9LCJQYWRkaW5nIjp7IiRpZCI6IjQyOSIsIlRvcCI6MC4wLCJMZWZ0IjowLjAsIlJpZ2h0IjowLjAsIkJvdHRvbSI6MC4wfSwiQmFja2dyb3VuZCI6eyIkaWQiOiI0MzAiLCJDb2xvciI6eyIkaWQiOiI0MzEiLCJBIjo4OSwiUiI6MCwiRyI6MCwiQiI6MH19LCJJc1Zpc2libGUiOnRydWUsIldpZHRoIjowLjAsIkhlaWdodCI6MC4wLCJCb3JkZXJTdHlsZSI6bnVsbCwiUGFyZW50U3R5bGUiOm51bGx9LCJEYXRlRm9ybWF0Ijp7IiRpZCI6IjQ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Q1OCIsIkZvbnRTZXR0aW5ncyI6eyIkaWQiOiI0NTkiLCJGb250U2l6ZSI6MTAsIkZvbnROYW1lIjoiQ2FsaWJyaSIsIklzQm9sZCI6ZmFsc2UsIklzSXRhbGljIjpmYWxzZSwiSXNVbmRlcmxpbmVkIjpmYWxzZSwiUGFyZW50U3R5bGUiOm51bGx9LCJBdXRvU2l6ZSI6MCwiRm9yZWdyb3VuZCI6eyIkcmVmIjoiMTAz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4OSxcIlJcIjowLFwiR1wiOjAsXCJCXCI6MH19LFwiSXNWaXNpYmxlXCI6ZmFsc2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wLFwiUXVpY2tQb3NpdGlvblwiOjMsXCJBYnNvbHV0ZVBvc2l0aW9uXCI6MTgzLjY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AuMCxcIlBhZGRpbmdcIjp7XCIkaWRcIjpcIjkwXCIsXCJUb3BcIjo1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g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g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ODk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4OSxcIlJcIjowLFwiR1wiOjAsXCJCXCI6MH19LFwiSXNWaXNpYmxlXCI6dHJ1ZSxcIldpZHRoXCI6MC4wLFwiSGVpZ2h0XCI6MC4wLFwiQm9yZGVyU3R5bGVcIjpudWxsfSxcIlRpdGxlUG9zaXRpb25cIjoyLFwiRGF0ZVBvc2l0aW9uXCI6XCJMZWZ0XCIsXCJTaGFwZVR5cGVcIjoyLFwiU2hhcGVTaXplXCI6MSxcIlNoYXBlU3R5bGVcIjp7XCIkaWRcIjpcIjEzMVwi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My4wLFwiSGVpZ2h0XCI6MTM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xLFwiU2hhcGVUaGlja25lc3NcIjow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MyxcIklzQmVsb3dUaW1lYmFuZFwiOmZhbHN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MC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ksXCJGb250TmFtZVwiOlwiQ2FsaWJyaVwiLFwiSXNCb2xkXCI6ZmFsc2UsXCJJc0l0YWxpY1wiOmZhbHNlLFwiSXNVbmRlcmxpbmVkXCI6ZmFsc2V9LFwiQXV0b1NpemVcIjowLFwiRm9yZWdyb3VuZFwiOntcIiRpZFwiOlwiMTcwXCIsXCJDb2xvclwiOntcIiRpZFwiOlwiMTc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yZWZcIjpcIjExMlwifSxcIklzVmlzaWJsZVwiOnRydWUsXCJXaWR0aFwiOjAuMCxcIkhlaWdodFwiOjAuMCxcIkJvcmRlclN0eWxlXCI6e1wiJGlkXCI6XCIyNzdcIixcIkxpbmVDb2xvclwiOm51bGwsXCJMaW5lV2VpZ2h0XCI6MC4wLFwiTGluZVR5cGVcIjowfX0sXCJEYXRlRm9ybWF0XCI6e1wiJGlkXCI6XCIyNz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AzXCIsXCJUb3BcIjowLjAsXCJMZWZ0XCI6MC4wLFwiUmlnaHRcIjowLjAsXCJCb3R0b21cIjowLjB9LFwiUGFkZGluZ1wiOntcIiRpZFwiOlwiMzA0XCIsXCJUb3BcIjowLjAsXCJMZWZ0XCI6MC4wLFwiUmlnaHRcIjowLjAsXCJCb3R0b21cIjowLjB9LFwiQmFja2dyb3VuZFwiOntcIiRyZWZcIjpcIjExMlwifSxcIklzVmlzaWJsZVwiOnRydWUsXCJXaWR0aFwiOjAuMCxcIkhlaWdodFwiOjAuMCxcIkJvcmRlclN0eWxlXCI6e1wiJGlkXCI6XCIzMDVcIixcIkxpbmVDb2xvclwiOm51bGwsXCJMaW5lV2VpZ2h0XCI6MC4wLFwiTGluZVR5cGVcIjowfX0sXCJEYXRlRm9ybWF0XCI6e1wiJGlkXCI6XCIzM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MxXCIsXCJUb3BcIjowLjAsXCJMZWZ0XCI6MC4wLFwiUmlnaHRcIjowLjAsXCJCb3R0b21cIjowLjB9LFwiUGFkZGluZ1wiOntcIiRpZFwiOlwiMzMyXCIsXCJUb3BcIjowLjAsXCJMZWZ0XCI6MC4wLFwiUmlnaHRcIjowLjAsXCJCb3R0b21cIjowLjB9LFwiQmFja2dyb3VuZFwiOntcIiRyZWZcIjpcIjExMlwifSxcIklzVmlzaWJsZVwiOnRydWUsXCJXaWR0aFwiOjAuMCxcIkhlaWdodFwiOjAuMCxcIkJvcmRlclN0eWxlXCI6e1wiJGlkXCI6XCIzMzNcIixcIkxpbmVDb2xvclwiOm51bGwsXCJMaW5lV2VpZ2h0XCI6MC4wLFwiTGluZVR5cGVcIjowfX0sXCJEYXRlRm9ybWF0XCI6e1wiJGlkXCI6XCIzM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U5XCIsXCJUb3BcIjowLjAsXCJMZWZ0XCI6MC4wLFwiUmlnaHRcIjowLjAsXCJCb3R0b21cIjowLjB9LFwiUGFkZGluZ1wiOntcIiRpZFwiOlwiMzYwXCIsXCJUb3BcIjowLjAsXCJMZWZ0XCI6MC4wLFwiUmlnaHRcIjowLjAsXCJCb3R0b21cIjowLjB9LFwiQmFja2dyb3VuZFwiOntcIiRyZWZcIjpcIjExMlwifSxcIklzVmlzaWJsZVwiOnRydWUsXCJXaWR0aFwiOjAuMCxcIkhlaWdodFwiOjAuMCxcIkJvcmRlclN0eWxlXCI6e1wiJGlkXCI6XCIzNjFcIixcIkxpbmVDb2xvclwiOm51bGwsXCJMaW5lV2VpZ2h0XCI6MC4wLFwiTGluZVR5cGVcIjowfX0sXCJEYXRlRm9ybWF0XCI6e1wiJGlkXCI6XCIzNj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NVwiLFwiVG9wXCI6MC4wLFwiTGVmdFwiOjAuMCxcIlJpZ2h0XCI6MC4wLFwiQm90dG9tXCI6MC4wfSxcIlBhZGRpbmdcIjp7XCIkaWRcIjpcIjQxNlwiLFwiVG9wXCI6MC4wLFwiTGVmdFwiOjAuMCxcIlJpZ2h0XCI6MC4wLFwiQm90dG9tXCI6MC4wfSxcIkJhY2tncm91bmRcIjp7XCIkcmVmXCI6XCIxMTJcIn0sXCJJc1Zpc2libGVcIjp0cnVlLFwiV2lkdGhcIjowLjAsXCJIZWlnaHRcIjowLjAsXCJCb3JkZXJTdHlsZVwiOntcIiRpZFwiOlwiNDE3XCIsXCJMaW5lQ29sb3JcIjpudWxsLFwiTGluZVdlaWdodFwiOjAuMCxcIkxpbmVUeXBlXCI6MH19LFwiRGF0ZUZvcm1hdFwiOntcIiRpZFwiOlwiNDE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10sXCJDdXN0b21Td2ltbGFuZURlZmluaXRpb25TdHlsZUxpc3RcIjpbe1wiJGlkXCI6XCI0MTlcIixcIlN0eWxlXCI6e1wiJGlkXCI6XCI0MjBcIixcIkhlYWRlclN0eWxlXCI6e1wiJGlkXCI6XCI0MjFcIixcIlRleHRTdHlsZVwiOntcIiRpZFwiOlwiNDIyXCIsXCJGb250U2V0dGluZ3NcIjp7XCIkaWRcIjpcIjQyM1wiLFwiRm9udFNpemVcIjoxMCxcIkZvbnROYW1lXCI6XCJGcmFua2xpbiBHb3RoaWMgTWVkaXVtXCIsXCJJc0JvbGRcIjpmYWxzZSxcIklzSXRhbGljXCI6ZmFsc2UsXCJJc1VuZGVybGluZWRcIjpmYWxzZX0sXCJBdXRvU2l6ZVwiOjAsXCJGb3JlZ3JvdW5kXCI6e1wiJGlkXCI6XCI0MjRcIixcIkNvbG9yXCI6e1wiJGlkXCI6XCI0MjV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1MVwiLFwiVG9wXCI6MC4wLFwiTGVmdFwiOjAuMCxcIlJpZ2h0XCI6MC4wLFwiQm90dG9tXCI6MC4wfSxcIlBhZGRpbmdcIjp7XCIkaWRcIjpcIjQ1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MWI5OTI1YzktYzRhMC00Yzc5LWExMWItYThiOTFjOTdlMGIxXCIsXCJTcGFjaW5nXCI6NX1dLFwiQ3VzdG9tU3dpbWxhbmVUYXNrU3R5bGVMaXN0XCI6W3tcIiRpZFwiOlwiNDYwXCIsXCJUYXNrU3R5bGVcIjp7XCIkaWRcIjpcIjQ2MVwiLFwiU2hhcGVcIjoxLFwiU2hhcGVUaGlja25lc3NcIjowLFwiRHVyYXRpb25Gb3JtYXRcIjowLFwiUGVyY2VudGFnZUNvbXBsZ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OTNcIixcIlRvcFwiOjAuMCxcIkxlZnRcIjowLjAsXCJSaWdodFwiOjAuMCxcIkJvdHRvbVwiOjAuMH0sXCJQYWRkaW5nXCI6e1wiJGlkXCI6XCI0OTRcIixcIlRvcFwiOjAuMCxcIkxlZnRcIjowLjAsXCJSaWdodFwiOjAuMCxcIkJvdHRvbVwiOjAuMH0sXCJCYWNrZ3JvdW5kXCI6e1wiJHJlZlwiOlwiMTgxXCJ9LFwiSXNWaXNpYmxlXCI6dHJ1ZSxcIldpZHRoXCI6MC4wLFwiSGVpZ2h0XCI6MC4wLFwiQm9yZGVyU3R5bGVcIjp7XCIkaWRcIjpcIjQ5NVwiLFwiTGluZUNvbG9yXCI6bnVsbCxcIkxpbmVXZWlnaHRcIjowLjAsXCJMaW5lVHlwZVwiOjB9fSxcIkRhdGVGb3JtYXRcIjp7XCIkaWRcIjpcIjQ5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5N1wiLFwiVGFza1N0eWxlXCI6e1wiJGlkXCI6XCI0OThcIixcIlNoYXBlXCI6MSxcIlNoYXBlVGhpY2tuZXNzXCI6MCxcIkR1cmF0aW9uRm9ybWF0XCI6MCxcIlBlcmNlbnRhZ2VDb21wbGV0ZVN0eWxlXCI6e1wiJGlkXCI6XCI0OTlcIixcIkZvbnRTZXR0aW5nc1wiOntcIiRpZFwiOlwiNTAwXCIsXCJGb250U2l6ZVwiOjEwLFwiRm9udE5hbWVcIjpcIkNhbGlicmlcIixcIklzQm9sZFwiOmZhbHNlLFwiSXNJdGFsaWNcIjpmYWxzZSxcIklzVW5kZXJsaW5lZFwiOmZhbHNlfSxcIkF1dG9TaXplXCI6MCxcIkZvcmVncm91bmRcIjp7XCIkaWRcIjpcIjUwM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zMFwiLFwiVG9wXCI6MC4wLFwiTGVmdFwiOjAuMCxcIlJpZ2h0XCI6MC4wLFwiQm90dG9tXCI6MC4wfSxcIlBhZGRpbmdcIjp7XCIkaWRcIjpcIjUzMVwiLFwiVG9wXCI6MC4wLFwiTGVmdFwiOjAuMCxcIlJpZ2h0XCI6MC4wLFwiQm90dG9tXCI6MC4wfSxcIkJhY2tncm91bmRcIjp7XCIkcmVmXCI6XCIxODFcIn0sXCJJc1Zpc2libGVcIjp0cnVlLFwiV2lkdGhcIjowLjAsXCJIZWlnaHRcIjowLjAsXCJCb3JkZXJTdHlsZVwiOntcIiRpZFwiOlwiNTMyXCIsXCJMaW5lQ29sb3JcIjpudWxsLFwiTGluZVdlaWdodFwiOjAuMCxcIkxpbmVUeXBlXCI6MH19LFwiRGF0ZUZvcm1hdFwiOntcIiRpZFwiOlwiNTM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TM0XCIsXCJUYXNrU3R5bGVcIjp7XCIkaWRcIjpcIjUzNVwiLFwiU2hhcGVcIjoxLFwiU2hhcGVUaGlja25lc3NcIjowLFwiRHVyYXRpb25Gb3JtYXRcIjowLFwiUGVyY2VudGFnZUNvbXBsZXRlU3R5bGVcIjp7XCIkaWRcIjpcIjUzNlwiLFwiRm9udFNldHRpbmdzXCI6e1wiJGlkXCI6XCI1MzdcIixcIkZvbnRTaXplXCI6MTAsXCJGb250TmFtZVwiOlwiQ2FsaWJyaVwiLFwiSXNCb2xkXCI6ZmFsc2UsXCJJc0l0YWxpY1wiOmZhbHNlLFwiSXNVbmRlcmxpbmVkXCI6ZmFsc2V9LFwiQXV0b1NpemVcIjowLFwiRm9yZWdyb3VuZFwiOntcIiRpZFwiOlwiNTM4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yZWZcIjpcIjE4MVwifSxcIklzVmlzaWJsZVwiOnRydWUsXCJXaWR0aFwiOjAuMCxcIkhlaWdodFwiOjAuMCxcIkJvcmRlclN0eWxlXCI6e1wiJGlkXCI6XCI1NjlcIixcIkxpbmVDb2xvclwiOm51bGwsXCJMaW5lV2VpZ2h0XCI6MC4wLFwiTGluZVR5cGVcIjowfX0sXCJEYXRlRm9ybWF0XCI6e1wiJGlkXCI6XCI1Nz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1NzFcIixcIlRhc2tTdHlsZVwiOntcIiRpZFwiOlwiNTcyXCIsXCJTaGFwZVwiOjEsXCJTaGFwZVRoaWNrbmVzc1wiOjEsXCJEdXJhdGlvbkZvcm1hdFwiOjAsXCJQZXJjZW50YWdlQ29tcGxldGVTdHlsZVwiOntcIiRpZFwiOlwiNTczXCIsXCJGb250U2V0dGluZ3NcIjp7XCIkaWRcIjpcIjU3NFwiLFwiRm9udFNpemVcIjoxMCxcIkZvbnROYW1lXCI6XCJDYWxpYnJpXCIsXCJJc0JvbGRcIjpmYWxzZSxcIklzSXRhbGljXCI6ZmFsc2UsXCJJc1VuZGVybGluZWRcIjpmYWxzZX0sXCJBdXRvU2l6ZVwiOjAsXCJGb3JlZ3JvdW5kXCI6e1wiJGlkXCI6XCI1NzV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MDRcIixcIlRvcFwiOjAuMCxcIkxlZnRcIjowLjAsXCJSaWdodFwiOjAuMCxcIkJvdHRvbVwiOjAuMH0sXCJQYWRkaW5nXCI6e1wiJGlkXCI6XCI2MDVcIixcIlRvcFwiOjAuMCxcIkxlZnRcIjowLjAsXCJSaWdodFwiOjAuMCxcIkJvdHRvbVwiOjAuMH0sXCJCYWNrZ3JvdW5kXCI6e1wiJHJlZlwiOlwiMTgxXCJ9LFwiSXNWaXNpYmxlXCI6dHJ1ZSxcIldpZHRoXCI6MC4wLFwiSGVpZ2h0XCI6MC4wLFwiQm9yZGVyU3R5bGVcIjp7XCIkaWRcIjpcIjYwNlwiLFwiTGluZUNvbG9yXCI6bnVsbCxcIkxpbmVXZWlnaHRcIjowLjAsXCJMaW5lVHlwZVwiOjB9fSxcIkRhdGVGb3JtYXRcIjp7XCIkaWRcIjpcIjYwN1wiLFwiRm9ybWF0U3RyaW5nXCI6XCJNL2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YzMVwiLFwiVG9wXCI6MC4wLFwiTGVmdFwiOjAuMCxcIlJpZ2h0XCI6MC4wLFwiQm90dG9tXCI6MC4wfSxcIlBhZGRpbmdcIjp7XCIkaWRcIjpcIjYzMlwiLFwiVG9wXCI6MC4wLFwiTGVmdFwiOjAuMCxcIlJpZ2h0XCI6MC4wLFwiQm90dG9tXCI6MC4wfSxcIkJhY2tncm91bmRcIjp7XCIkcmVmXCI6XCIxMTJcIn0sXCJJc1Zpc2libGVcIjpmYWxzZSxcIldpZHRoXCI6MC4wLFwiSGVpZ2h0XCI6MC4wLFwiQm9yZGVyU3R5bGVcIjp7XCIkaWRcIjpcIjYzM1wiLFwiTGluZUNvbG9yXCI6bnVsbCxcIkxpbmVXZWlnaHRcIjowLjAsXCJMaW5lVHlwZVwiOjB9fSxcIkRhdGVGb3JtYXRcIjp7XCIkaWRcIjpcIjYz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TZcIixcIlRvcFwiOjAuMCxcIkxlZnRcIjowLjAsXCJSaWdodFwiOjAuMCxcIkJvdHRvbVwiOjAuMH0sXCJQYWRkaW5nXCI6e1wiJGlkXCI6XCI2NTdcIixcIlRvcFwiOjAuMCxcIkxlZnRcIjowLjAsXCJSaWdodFwiOjAuMCxcIkJvdHRvbVwiOjAuMH0sXCJCYWNrZ3JvdW5kXCI6e1wiJHJlZlwiOlwiMTEyXCJ9LFwiSXNWaXNpYmxlXCI6ZmFsc2UsXCJXaWR0aFwiOjAuMCxcIkhlaWdodFwiOjAuMCxcIkJvcmRlclN0eWxlXCI6e1wiJGlkXCI6XCI2NThcIixcIkxpbmVDb2xvclwiOm51bGwsXCJMaW5lV2VpZ2h0XCI6MC4wLFwiTGluZVR5cGVcIjowfX0sXCJEYXRlRm9ybWF0XCI6e1wiJGlkXCI6XCI2NT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jgxXCIsXCJUb3BcIjowLjAsXCJMZWZ0XCI6MC4wLFwiUmlnaHRcIjowLjAsXCJCb3R0b21cIjowLjB9LFwiUGFkZGluZ1wiOntcIiRpZFwiOlwiNjgyXCIsXCJUb3BcIjowLjAsXCJMZWZ0XCI6MC4wLFwiUmlnaHRcIjowLjAsXCJCb3R0b21cIjowLjB9LFwiQmFja2dyb3VuZFwiOntcIiRyZWZcIjpcIjExMlwifSxcIklzVmlzaWJsZVwiOmZhbHNlLFwiV2lkdGhcIjowLjAsXCJIZWlnaHRcIjowLjAsXCJCb3JkZXJTdHlsZVwiOntcIiRpZFwiOlwiNjgzXCIsXCJMaW5lQ29sb3JcIjpudWxsLFwiTGluZVdlaWdodFwiOjAuMCxcIkxpbmVUeXBlXCI6MH19LFwiRGF0ZUZvcm1hdFwiOntcIiRpZFwiOlwiNjg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xN1wiLFwiVG9wXCI6MC4wLFwiTGVmdFwiOjAuMCxcIlJpZ2h0XCI6MC4wLFwiQm90dG9tXCI6MC4wfSxcIlBhZGRpbmdcIjp7XCIkaWRcIjpcIjcx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MjZcIixcIlRpdGxlU3R5bGVcIjp7XCIkaWRcIjpcIjcyN1wiLFwiRm9udFNldHRpbmdzXCI6e1wiJGlkXCI6XCI3MjhcIixcIkZvbnRTaXplXCI6OCxcIkZvbnROYW1lXCI6XCJDYWxpYnJpXCIsXCJJc0JvbGRcIjp0cnVlLFwiSXNJdGFsaWNcIjpmYWxzZSxcIklzVW5kZXJsaW5lZFwiOmZhbHNlfSxcIkF1dG9TaXplXCI6MCxcIkZvcmVncm91bmRcIjp7XCIkaWRcIjpcIjcyOVwiLFwiQ29sb3JcIjp7XCIkaWRcIjpcIjcz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zN1wiLFwiVG9wXCI6MC4wLFwiTGVmdFwiOjAuMCxcIlJpZ2h0XCI6MC4wLFwiQm90dG9tXCI6MC4wfSxcIlBhZGRpbmdcIjp7XCIkaWRcIjpcIjcz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NDZcIixcIlRpdGxlU3R5bGVcIjp7XCIkaWRcIjpcIjc0N1wiLFwiRm9udFNldHRpbmdzXCI6e1wiJGlkXCI6XCI3NDhcIixcIkZvbnRTaXplXCI6OCxcIkZvbnROYW1lXCI6XCJDYWxpYnJpXCIsXCJJc0JvbGRcIjp0cnVlLFwiSXNJdGFsaWNcIjpmYWxzZSxcIklzVW5kZXJsaW5lZFwiOmZhbHNlfSxcIkF1dG9TaXplXCI6MCxcIkZvcmVncm91bmRcIjp7XCIkaWRcIjpcIjc0OVwiLFwiQ29sb3JcIjp7XCIkaWRcIjpcIjc1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NjZcIixcIlRpdGxlU3R5bGVcIjp7XCIkaWRcIjpcIjc2N1wiLFwiRm9udFNldHRpbmdzXCI6e1wiJGlkXCI6XCI3NjhcIixcIkZvbnRTaXplXCI6OCxcIkZvbnROYW1lXCI6XCJDYWxpYnJpXCIsXCJJc0JvbGRcIjp0cnVlLFwiSXNJdGFsaWNcIjpmYWxzZSxcIklzVW5kZXJsaW5lZFwiOmZhbHNlfSxcIkF1dG9TaXplXCI6MCxcIkZvcmVncm91bmRcIjp7XCIkaWRcIjpcIjc2OVwiLFwiQ29sb3JcIjp7XCIkaWRcIjpcIjc3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ODZcIixcIlRpdGxlU3R5bGVcIjp7XCIkaWRcIjpcIjc4N1wiLFwiRm9udFNldHRpbmdzXCI6e1wiJGlkXCI6XCI3ODhcIixcIkZvbnRTaXplXCI6OCxcIkZvbnROYW1lXCI6XCJDYWxpYnJpXCIsXCJJc0JvbGRcIjp0cnVlLFwiSXNJdGFsaWNcIjpmYWxzZSxcIklzVW5kZXJsaW5lZFwiOmZhbHNlfSxcIkF1dG9TaXplXCI6MCxcIkZvcmVncm91bmRcIjp7XCIkaWRcIjpcIjc4OVwiLFwiQ29sb3JcIjp7XCIkaWRcIjpcIjc5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5N1wiLFwiVG9wXCI6MC4wLFwiTGVmdFwiOjAuMCxcIlJpZ2h0XCI6MC4wLFwiQm90dG9tXCI6MC4wfSxcIlBhZGRpbmdcIjp7XCIkaWRcIjpcIjc5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1dLFwiQ3VzdG9tU3dpbWxhbmVUYXNrU3R5bGVMaXN0XCI6W3tcIiRpZFwiOlwiODA2XCIsXCJUYXNrU3R5bGVcIjp7XCIkaWRcIjpcIjgwN1wiLFwiU2hhcGVcIjo2LFwiU2hhcGVUaGlja25lc3NcIjoxLFwiRHVyYXRpb25Gb3JtYXRcIjowLFwiUGVyY2VudGFnZUNvbXBsZXRlU3R5bGVcIjp7XCIkaWRcIjpcIjgwOFwiLFwiRm9udFNldHRpbmdzXCI6e1wiJGlkXCI6XCI4MDlcIixcIkZvbnRTaXplXCI6MTAsXCJGb250TmFtZVwiOlwiQ2FsaWJyaVwiLFwiSXNCb2xkXCI6ZmFsc2UsXCJJc0l0YWxpY1wiOmZhbHNlLFwiSXNVbmRlcmxpbmVkXCI6ZmFsc2V9LFwiQXV0b1NpemVcIjowLFwiRm9yZWdyb3VuZFwiOntcIiRpZFwiOlwiODEw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M5XCIsXCJUb3BcIjowLjAsXCJMZWZ0XCI6MC4wLFwiUmlnaHRcIjowLjAsXCJCb3R0b21cIjowLjB9LFwiUGFkZGluZ1wiOntcIiRpZFwiOlwiODQwXCIsXCJUb3BcIjowLjAsXCJMZWZ0XCI6MC4wLFwiUmlnaHRcIjowLjAsXCJCb3R0b21cIjowLjB9LFwiQmFja2dyb3VuZFwiOntcIiRyZWZcIjpcIjE4MVwifSxcIklzVmlzaWJsZVwiOnRydWUsXCJXaWR0aFwiOjAuMCxcIkhlaWdodFwiOjAuMCxcIkJvcmRlclN0eWxlXCI6e1wiJGlkXCI6XCI4NDFcIixcIkxpbmVDb2xvclwiOm51bGwsXCJMaW5lV2VpZ2h0XCI6MC4wLFwiTGluZVR5cGVcIjowfX0sXCJEYXRlRm9ybWF0XCI6e1wiJGlkXCI6XCI4N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4NDNcIixcIlRhc2tTdHlsZVwiOntcIiRpZFwiOlwiODQ0XCIsXCJTaGFwZVwiOjYsXCJTaGFwZVRoaWNrbmVzc1wiOjEsXCJEdXJhdGlvbkZvcm1hdFwiOjAsXCJQZXJjZW50YWdlQ29tcGxldGVTdHlsZVwiOntcIiRpZFwiOlwiODQ1XCIsXCJGb250U2V0dGluZ3NcIjp7XCIkaWRcIjpcIjg0NlwiLFwiRm9udFNpemVcIjoxMCxcIkZvbnROYW1lXCI6XCJDYWxpYnJpXCIsXCJJc0JvbGRcIjpmYWxzZSxcIklzSXRhbGljXCI6ZmFsc2UsXCJJc1VuZGVybGluZWRcIjpmYWxzZX0sXCJBdXRvU2l6ZVwiOjAsXCJGb3JlZ3JvdW5kXCI6e1wiJGlkXCI6XCI4NDd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e1wiJHJlZlwiOlwiMTgxXCJ9LFwiSXNWaXNpYmxlXCI6dHJ1ZSxcIldpZHRoXCI6MC4wLFwiSGVpZ2h0XCI6MC4wLFwiQm9yZGVyU3R5bGVcIjp7XCIkaWRcIjpcIjg3OFwiLFwiTGluZUNvbG9yXCI6bnVsbCxcIkxpbmVXZWlnaHRcIjowLjAsXCJMaW5lVHlwZVwiOjB9fSxcIkRhdGVGb3JtYXRcIjp7XCIkaWRcIjpcIjg3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4MFwiLFwiVGFza1N0eWxlXCI6e1wiJGlkXCI6XCI4ODFcIixcIlNoYXBlXCI6NixcIlNoYXBlVGhpY2tuZXNzXCI6MSxcIkR1cmF0aW9uRm9ybWF0XCI6MCxcIlBlcmNlbnRhZ2VDb21wbGV0ZVN0eWxlXCI6e1wiJGlkXCI6XCI4ODJcIixcIkZvbnRTZXR0aW5nc1wiOntcIiRpZFwiOlwiODgzXCIsXCJGb250U2l6ZVwiOjEwLFwiRm9udE5hbWVcIjpcIkNhbGlicmlcIixcIklzQm9sZFwiOmZhbHNlLFwiSXNJdGFsaWNcIjpmYWxzZSxcIklzVW5kZXJsaW5lZFwiOmZhbHNlfSxcIkF1dG9TaXplXCI6MCxcIkZvcmVncm91bmRcIjp7XCIkaWRcIjpcIjg4NF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xM1wiLFwiVG9wXCI6MC4wLFwiTGVmdFwiOjAuMCxcIlJpZ2h0XCI6MC4wLFwiQm90dG9tXCI6MC4wfSxcIlBhZGRpbmdcIjp7XCIkaWRcIjpcIjkxNFwiLFwiVG9wXCI6MC4wLFwiTGVmdFwiOjAuMCxcIlJpZ2h0XCI6MC4wLFwiQm90dG9tXCI6MC4wfSxcIkJhY2tncm91bmRcIjp7XCIkcmVmXCI6XCIxODFcIn0sXCJJc1Zpc2libGVcIjp0cnVlLFwiV2lkdGhcIjowLjAsXCJIZWlnaHRcIjowLjAsXCJCb3JkZXJTdHlsZVwiOntcIiRpZFwiOlwiOTE1XCIsXCJMaW5lQ29sb3JcIjpudWxsLFwiTGluZVdlaWdodFwiOjAuMCxcIkxpbmVUeXBlXCI6MH19LFwiRGF0ZUZvcm1hdFwiOntcIiRpZFwiOlwiOTE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TQ5XCIsXCJUb3BcIjowLjAsXCJMZWZ0XCI6MC4wLFwiUmlnaHRcIjowLjAsXCJCb3R0b21cIjowLjB9LFwiUGFkZGluZ1wiOntcIiRpZFwiOlwiOTU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OWNjZmE1Zi03YzlkLTQ1MzMtYjg5OS0zNTI5YjEyM2NkMmZcIixcIlNwYWNpbmdcIjo1fSx7XCIkaWRcIjpcIjk1OFwiLFwiVGl0bGVTdHlsZVwiOntcIiRpZFwiOlwiOTU5XCIsXCJGb250U2V0dGluZ3NcIjp7XCIkaWRcIjpcIjk2MFwiLFwiRm9udFNpemVcIjo4LFwiRm9udE5hbWVcIjpcIkNhbGlicmlcIixcIklzQm9sZFwiOnRydWUsXCJJc0l0YWxpY1wiOmZhbHNlLFwiSXNVbmRlcmxpbmVkXCI6ZmFsc2V9LFwiQXV0b1NpemVcIjowLFwiRm9yZWdyb3VuZFwiOntcIiRpZFwiOlwiOTYxXCIsXCJDb2xvclwiOntcIiRpZFwiOlwiOTY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TY5XCIsXCJUb3BcIjowLjAsXCJMZWZ0XCI6MC4wLFwiUmlnaHRcIjowLjAsXCJCb3R0b21cIjowLjB9LFwiUGFkZGluZ1wiOntcIiRpZFwiOlwiOTc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MVwiLFwiVG9wXCI6MC4wLFwiTGVmdFwiOjAuMCxcIlJpZ2h0XCI6MC4wLFwiQm90dG9tXCI6MC4wfSxcIlBhZGRpbmdcIjp7XCIkaWRcIjpcIjEwMTJcIixcIlRvcFwiOjAuMCxcIkxlZnRcIjowLjAsXCJSaWdodFwiOjAuMCxcIkJvdHRvbVwiOjAuMH0sXCJCYWNrZ3JvdW5kXCI6e1wiJHJlZlwiOlwiMTgxXCJ9LFwiSXNWaXNpYmxlXCI6dHJ1ZSxcIldpZHRoXCI6MC4wLFwiSGVpZ2h0XCI6MC4wLFwiQm9yZGVyU3R5bGVcIjp7XCIkaWRcIjpcIjEwMTNcIixcIkxpbmVDb2xvclwiOm51bGwsXCJMaW5lV2VpZ2h0XCI6MC4wLFwiTGluZVR5cGVcIjowfX0sXCJEYXRlRm9ybWF0XCI6e1wiJGlkXCI6XCIxMDE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xNVwiLFwiVGFza1N0eWxlXCI6e1wiJGlkXCI6XCIxMDE2XCIsXCJTaGFwZVwiOjEsXCJTaGFwZVRoaWNrbmVzc1wiOjAsXCJEdXJhdGlvbkZvcm1hdFwiOjAsXCJQZXJjZW50YWdlQ29tcGxldGVTdHlsZVwiOntcIiRpZFwiOlwiMTAxN1wiLFwiRm9udFNldHRpbmdzXCI6e1wiJGlkXCI6XCIxMDE4XCIsXCJGb250U2l6ZVwiOjEwLFwiRm9udE5hbWVcIjpcIkNhbGlicmlcIixcIklzQm9sZFwiOmZhbHNlLFwiSXNJdGFsaWNcIjpmYWxzZSxcIklzVW5kZXJsaW5lZFwiOmZhbHNlfSxcIkF1dG9TaXplXCI6MCxcIkZvcmVncm91bmRcIjp7XCIkaWRcIjpcIjEwMT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Q4XCIsXCJUb3BcIjowLjAsXCJMZWZ0XCI6MC4wLFwiUmlnaHRcIjowLjAsXCJCb3R0b21cIjowLjB9LFwiUGFkZGluZ1wiOntcIiRpZFwiOlwiMTA0OVwiLFwiVG9wXCI6MC4wLFwiTGVmdFwiOjAuMCxcIlJpZ2h0XCI6MC4wLFwiQm90dG9tXCI6MC4wfSxcIkJhY2tncm91bmRcIjp7XCIkcmVmXCI6XCIxODFcIn0sXCJJc1Zpc2libGVcIjp0cnVlLFwiV2lkdGhcIjowLjAsXCJIZWlnaHRcIjowLjAsXCJCb3JkZXJTdHlsZVwiOntcIiRpZFwiOlwiMTA1MFwiLFwiTGluZUNvbG9yXCI6bnVsbCxcIkxpbmVXZWlnaHRcIjowLjAsXCJMaW5lVHlwZVwiOjB9fSxcIkRhdGVGb3JtYXRcIjp7XCIkaWRcIjpcIjEwN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UyXCIsXCJUYXNrU3R5bGVcIjp7XCIkaWRcIjpcIjEwNTNcIixcIlNoYXBlXCI6NixcIlNoYXBlVGhpY2tuZXNzXCI6MSxcIkR1cmF0aW9uRm9ybWF0XCI6MCxcIlBlcmNlbnRhZ2VDb21wbGV0ZVN0eWxlXCI6e1wiJGlkXCI6XCIxMDU0XCIsXCJGb250U2V0dGluZ3NcIjp7XCIkaWRcIjpcIjEwNTVcIixcIkZvbnRTaXplXCI6MTAsXCJGb250TmFtZVwiOlwiQ2FsaWJyaVwiLFwiSXNCb2xkXCI6ZmFsc2UsXCJJc0l0YWxpY1wiOmZhbHNlLFwiSXNVbmRlcmxpbmVkXCI6ZmFsc2V9LFwiQXV0b1NpemVcIjowLFwiRm9yZWdyb3VuZFwiOntcIiRpZFwiOlwiMTA1Nl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g1XCIsXCJUb3BcIjowLjAsXCJMZWZ0XCI6MC4wLFwiUmlnaHRcIjowLjAsXCJCb3R0b21cIjowLjB9LFwiUGFkZGluZ1wiOntcIiRpZFwiOlwiMTA4NlwiLFwiVG9wXCI6MC4wLFwiTGVmdFwiOjAuMCxcIlJpZ2h0XCI6MC4wLFwiQm90dG9tXCI6MC4wfSxcIkJhY2tncm91bmRcIjp7XCIkcmVmXCI6XCIxODFcIn0sXCJJc1Zpc2libGVcIjp0cnVlLFwiV2lkdGhcIjowLjAsXCJIZWlnaHRcIjowLjAsXCJCb3JkZXJTdHlsZVwiOntcIiRpZFwiOlwiMTA4N1wiLFwiTGluZUNvbG9yXCI6bnVsbCxcIkxpbmVXZWlnaHRcIjowLjAsXCJMaW5lVHlwZVwiOjB9fSxcIkRhdGVGb3JtYXRcIjp7XCIkaWRcIjpcIjEw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g5XCIsXCJUYXNrU3R5bGVcIjp7XCIkaWRcIjpcIjEwOTBcIixcIlNoYXBlXCI6NixcIlNoYXBlVGhpY2tuZXNzXCI6MSxcIkR1cmF0aW9uRm9ybWF0XCI6MCxcIlBlcmNlbnRhZ2VDb21wbGV0ZVN0eWxlXCI6e1wiJGlkXCI6XCIxMDkxXCIsXCJGb250U2V0dGluZ3NcIjp7XCIkaWRcIjpcIjEwOTJcIixcIkZvbnRTaXplXCI6MTAsXCJGb250TmFtZVwiOlwiQ2FsaWJyaVwiLFwiSXNCb2xkXCI6ZmFsc2UsXCJJc0l0YWxpY1wiOmZhbHNlLFwiSXNVbmRlcmxpbmVkXCI6ZmFsc2V9LFwiQXV0b1NpemVcIjowLFwiRm9yZWdyb3VuZFwiOntcIiRpZFwiOlwiMTA5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IyXCIsXCJUb3BcIjowLjAsXCJMZWZ0XCI6MC4wLFwiUmlnaHRcIjowLjAsXCJCb3R0b21cIjowLjB9LFwiUGFkZGluZ1wiOntcIiRpZFwiOlwiMTEyM1wiLFwiVG9wXCI6MC4wLFwiTGVmdFwiOjAuMCxcIlJpZ2h0XCI6MC4wLFwiQm90dG9tXCI6MC4wfSxcIkJhY2tncm91bmRcIjp7XCIkcmVmXCI6XCIxODFcIn0sXCJJc1Zpc2libGVcIjp0cnVlLFwiV2lkdGhcIjowLjAsXCJIZWlnaHRcIjowLjAsXCJCb3JkZXJTdHlsZVwiOntcIiRpZFwiOlwiMTEyNFwiLFwiTGluZUNvbG9yXCI6bnVsbCxcIkxpbmVXZWlnaHRcIjowLjAsXCJMaW5lVHlwZVwiOjB9fSxcIkRhdGVGb3JtYXRcIjp7XCIkaWRcIjpcIjExM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TI2XCIsXCJUYXNrU3R5bGVcIjp7XCIkaWRcIjpcIjExMjdcIixcIlNoYXBlXCI6MyxcIlNoYXBlVGhpY2tuZXNzXCI6MCxcIkR1cmF0aW9uRm9ybWF0XCI6MCxcIlBlcmNlbnRhZ2VDb21wbGV0ZVN0eWxlXCI6e1wiJGlkXCI6XCIxMTI4XCIsXCJGb250U2V0dGluZ3NcIjp7XCIkaWRcIjpcIjExMjlcIixcIkZvbnRTaXplXCI6MTAsXCJGb250TmFtZVwiOlwiQ2FsaWJyaVwiLFwiSXNCb2xkXCI6ZmFsc2UsXCJJc0l0YWxpY1wiOmZhbHNlLFwiSXNVbmRlcmxpbmVkXCI6ZmFsc2V9LFwiQXV0b1NpemVcIjowLFwiRm9yZWdyb3VuZFwiOntcIiRpZFwiOlwiMTEzMF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U5XCIsXCJUb3BcIjowLjAsXCJMZWZ0XCI6MC4wLFwiUmlnaHRcIjowLjAsXCJCb3R0b21cIjowLjB9LFwiUGFkZGluZ1wiOntcIiRpZFwiOlwiMTE2MFwiLFwiVG9wXCI6MC4wLFwiTGVmdFwiOjAuMCxcIlJpZ2h0XCI6MC4wLFwiQm90dG9tXCI6MC4wfSxcIkJhY2tncm91bmRcIjp7XCIkcmVmXCI6XCIxODFcIn0sXCJJc1Zpc2libGVcIjp0cnVlLFwiV2lkdGhcIjowLjAsXCJIZWlnaHRcIjowLjAsXCJCb3JkZXJTdHlsZVwiOntcIiRpZFwiOlwiMTE2MVwiLFwiTGluZUNvbG9yXCI6bnVsbCxcIkxpbmVXZWlnaHRcIjowLjAsXCJMaW5lVHlwZVwiOjB9fSxcIkRhdGVGb3JtYXRcIjp7XCIkaWRcIjpcIjExNj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ExNjNcIixcIlN0eWxlXCI6e1wiJGlkXCI6XCIxMTY0XCIsXCJIZWFkZXJTdHlsZVwiOntcIiRpZFwiOlwiMTE2NVwiLFwiVGV4dFN0eWxlXCI6e1wiJGlkXCI6XCIxMTY2XCIsXCJGb250U2V0dGluZ3NcIjp7XCIkaWRcIjpcIjExNjdcIixcIkZvbnRTaXplXCI6MTAsXCJGb250TmFtZVwiOlwiRnJhbmtsaW4gR290aGljIE1lZGl1bVwiLFwiSXNCb2xkXCI6ZmFsc2UsXCJJc0l0YWxpY1wiOmZhbHNlLFwiSXNVbmRlcmxpbmVkXCI6ZmFsc2V9LFwiQXV0b1NpemVcIjowLFwiRm9yZWdyb3VuZFwiOntcIiRpZFwiOlwiMTE2OFwiLFwiQ29sb3JcIjp7XCIkaWRcIjpcIjExNjl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yZWZcIjpcIjEwNVwifSxcIklzVmlzaWJsZVwiOnRydWUsXCJXaWR0aFwiOjAuMCxcIkhlaWdodFwiOjAuMCxcIkJvcmRlclN0eWxlXCI6bnVsbH0sXCJEYXRlU3R5bGVcIjp7XCIkaWRcIjpcIjEyMTJcIixcIkZvbnRTZXR0aW5nc1wiOntcIiRpZFwiOlwiMTIxM1wiLFwiRm9udFNpemVcIjo5LFwiRm9udE5hbWVcIjpcIkNhbGlicmlcIixcIklzQm9sZFwiOmZhbHNlLFwiSXNJdGFsaWNcIjpmYWxzZSxcIklzVW5kZXJsaW5lZFwiOmZhbHNlfSxcIkF1dG9TaXplXCI6MCxcIkZvcmVncm91bmRcIjp7XCIkaWRcIjpcIjEyMTRcIixcIkNvbG9yXCI6e1wiJGlkXCI6XCIxMjE1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EyMTZcIixcIlRvcFwiOjAuMCxcIkxlZnRcIjowLjAsXCJSaWdodFwiOjAuMCxcIkJvdHRvbVwiOjAuMH0sXCJQYWRkaW5nXCI6e1wiJGlkXCI6XCIxMjE3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MTI1OFwiLFwiVG9wXCI6MC4wLFwiTGVmdFwiOjAuMCxcIlJpZ2h0XCI6MC4wLFwiQm90dG9tXCI6MC4wfSxcIlBhZGRpbmdcIjp7XCIkaWRcIjpcIjEyNTlcIixcIlRvcFwiOjAuMCxcIkxlZnRcIjowLjAsXCJSaWdodFwiOjAuMCxcIkJvdHRvbVwiOjAuMH0sXCJCYWNrZ3JvdW5kXCI6e1wiJHJlZlwiOlwiMTEyXCJ9LFwiSXNWaXNpYmxlXCI6dHJ1ZSxcIldpZHRoXCI6MC4wLFwiSGVpZ2h0XCI6MC4wLFwiQm9yZGVyU3R5bGVcIjpudWxsfSxcIlRpdGxlUG9zaXRpb25cIjowLFwiRGF0ZVBvc2l0aW9uXCI6XCJSaWdodFwiLFwiU2hhcGVUeXBlXCI6MTMsXCJTaGFwZVNpemVcIjowLFwiU2hhcGVTdHlsZVwiOntcIiRpZFwiOlwiMTI2MFwi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jU1LFwiUlwiOjExNSxcIkdcIjoxMTUsXCJCXCI6MTE1fX0sXCJJc1Zpc2libGVcIjp0cnVlLFwiV2lkdGhcIjoxMi4wLFwiSGVpZ2h0XCI6MTQuMCxcIkJvcmRlclN0eWxlXCI6e1wiJGlkXCI6XCIxMjY1XCIsXCJMaW5lQ29sb3JcIjp7XCIkcmVmXCI6XCI5N1wifSxcIkxpbmVXZWlnaHRcIjowLjAsXCJMaW5lVHlwZVwiOjB9fSxcIkRhdGVGb3JtYXRcIjp7XCIkaWRcIjpcIjEyNjZ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EyNzlcIixcIlRvcFwiOjAuMCxcIkxlZnRcIjowLjAsXCJSaWdodFwiOjAuMCxcIkJvdHRvbVwiOjAuMH0sXCJQYWRkaW5nXCI6e1wiJGlkXCI6XCIxMjgw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UiLCJVc2VUaW1lIjpmYWxzZSwiV29ya0RheVN0YXJ0IjoiMDA6MDA6MDAiLCJXb3JrRGF5RW5kIjoiMjM6NTk6MDAifSwiTGFzdFVzZWRUZW1wbGF0ZUlkIjoiZjM3NDYwNjMtMDA0Yy00NDVkLTkxODctY2VkZjdhY2UxNDNiIiwiRmlyc3RXZWVrT2ZZZWFyIjowLCJQbGFjZU1pbGVzdG9uZUF0VGhlQmVnaW5uaW5nT2ZUaGVEYXkiOmZhbHNlLCJEZXBlbmRlbmN5U2NoZWR1bGluZ1NldHRpbmdzIjp7IiRpZCI6IjUx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jYmM2MDUzMi03MzY3LTQ3NDItOTgyZS04NWQ1NDI5NzgwNjQiLCJJbmRleCI6MCwiR3JvdXBJZCI6bnVsbCwiVGl0bGUiOiJQZXJmb3JtYW5jZSBUZXN0IiwiRGF0ZVRpbWUiOiIyMDIzLTEwLTA1VDIzOjU5OjAwWiIsIlBlcmNlbnRhZ2VDb21wbGV0ZSI6bnVsbCwiTm90ZSI6bnVsbCwiU3R5bGUiOnsiJGlkIjoiNiIsIlRpdGxlUG9zaXRpb24iOiJBYm92ZSIsIkRhdGVQb3NpdGlvbiI6IkxlZnQiLCJTaGFwZVR5cGUiOjEsIlNoYXBlU2l6ZSI6MC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RGF0ZVN0eWxlIjp7IiRpZCI6IjIzIiwiRm9udFNldHRpbmdzIjp7IiRpZCI6IjI0IiwiRm9udFNpemUiOjcsIkZvbnROYW1lIjoiQ2FsaWJyaSIsIklzQm9sZCI6ZmFsc2UsIklzSXRhbGljIjpmYWxzZSwiSXNVbmRlcmxpbmVkIjpmYWxzZSwiUGFyZW50U3R5bGUiOm51bGx9LCJBdXRvU2l6ZSI6MiwiRm9yZWdyb3VuZCI6eyIkaWQiOiIyNSIsIkNvbG9yIjp7IiRpZCI6IjI2IiwiQSI6MjU1LCJSIjo2OCwiRyI6ODQsIkIiOjEwNn19LCJNYXhXaWR0aCI6MTYuMCwiTWF4SGVpZ2h0IjoiSW5maW5pdHkiLCJTbWFydEZvcmVncm91bmRJc0FjdGl2ZSI6ZmFsc2UsIkhvcml6b250YWxBbGlnbm1lbnQiOjI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4OSwiUiI6MCwiRyI6MCwiQiI6MH19LCJJc1Zpc2libGUiOnRydWUsIldpZHRoIjowLjAsIkhlaWdodCI6MC4wLCJCb3JkZXJTdHlsZSI6bnVsbCwiUGFyZW50U3R5bGUiOm51bGx9LCJEYXRlRm9ybWF0Ijp7IiRpZCI6I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NiIsIkZvbnRTZXR0aW5ncyI6eyIkaWQiOiI0NyIsIkZvbnRTaXplIjo3LCJGb250TmFtZSI6IkNhbGlicmkiLCJJc0JvbGQiOmZhbHNlLCJJc0l0YWxpYyI6ZmFsc2UsIklzVW5kZXJsaW5lZCI6ZmFsc2UsIlBhcmVudFN0eWxlIjpudWxsfSwiQXV0b1NpemUiOjIsIkZvcmVncm91bmQiOnsiJGlkIjoiNDgiLCJDb2xvciI6eyIkaWQiOiI0OSIsIkEiOjI1NSwiUiI6NjgsIkciOjg0LCJCIjoxMDZ9fSwiTWF4V2lkdGgiOjE5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cmVmIjoiMzEifSwiV2Vla051bWJlcmluZyI6eyIkaWQiOiI1M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YyIiwiRm9udFNldHRpbmdzIjp7IiRpZCI6IjYzIiwiRm9udFNpemUiOjEwLCJGb250TmFtZSI6IkNhbGlicmkiLCJJc0JvbGQiOmZhbHNlLCJJc0l0YWxpYyI6ZmFsc2UsIklzVW5kZXJsaW5lZCI6ZmFsc2UsIlBhcmVudFN0eWxlIjpudWxsfSwiQXV0b1NpemUiOjAsIkZvcmVncm91bmQiOnsiJGlkIjoiNjQiLCJDb2xvciI6eyIkaWQiOiI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HJlZiI6IjMxIn0sIldlZWtOdW1iZXJpbmciOnsiJGlkIjoiNjY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MCIsIkNvbG9yIjp7IiRpZCI6IjgxIiwiQSI6ODksIlIiOjAsIkciOjAsIkIiOjB9fSwiSXNWaXNpYmxlIjp0cnVlLCJXaWR0aCI6MC4wLCJIZWlnaHQiOjAuMCwiQm9yZGVyU3R5bGUiOm51bGwsIlBhcmVudFN0eWxlIjpudWxsfSwiRGF0ZVN0eWxlIjp7IiRpZCI6IjgyIiwiRm9udFNldHRpbmdzIjp7IiRpZCI6IjgzIiwiRm9udFNpemUiOjcsIkZvbnROYW1lIjoiQ2FsaWJyaSIsIklzQm9sZCI6ZmFsc2UsIklzSXRhbGljIjpmYWxzZSwiSXNVbmRlcmxpbmVkIjpmYWxzZSwiUGFyZW50U3R5bGUiOm51bGx9LCJBdXRvU2l6ZSI6MCwiRm9yZWdyb3VuZCI6eyIkaWQiOiI4NCIsIkNvbG9yIjp7IiRpZCI6Ijg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4NiIsIkNvbG9yIjp7IiRpZCI6Ijg3IiwiQSI6ODksIlIiOjAsIkciOjAsIkIiOjB9fSwiSXNWaXNpYmxlIjp0cnV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S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wMSIsIkZvbnRTZXR0aW5ncyI6eyIkaWQiOiIxMDIiLCJGb250U2l6ZSI6MTAsIkZvbnROYW1lIjoiQ2FsaWJyaSIsIklzQm9sZCI6ZmFsc2UsIklzSXRhbGljIjpmYWxzZSwiSXNVbmRlcmxpbmVkIjpmYWxzZSwiUGFyZW50U3R5bGUiOm51bGx9LCJBdXRvU2l6ZSI6MCwiRm9yZWdyb3VuZCI6eyIkaWQiOiIxMDMiLCJDb2xvciI6eyIkaWQiOiIxM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yZWYiOiIyMSJ9LCJJc1Zpc2libGUiOnRydWUsIldpZHRoIjowLjAsIkhlaWdodCI6MC4wLCJCb3JkZXJTdHlsZSI6eyIkaWQiOiIxMTciLCJMaW5lQ29sb3IiOm51bGwsIkxpbmVXZWlnaHQiOjAuMCwiTGluZVR5cGUiOjAsIlBhcmVudFN0eWxlIjpudWxsfS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HJlZiI6IjI5In0sIklzVmlzaWJsZSI6dHJ1ZSwiV2lkdGgiOjAuMCwiSGVpZ2h0IjowLjAsIkJvcmRlclN0eWxlIjp7IiRpZCI6IjEyMiIsIkxpbmVDb2xvciI6bnVsbCwiTGluZVdlaWdodCI6MC4wLCJMaW5lVHlwZSI6MCwiUGFyZW50U3R5bGUiOm51bGx9LCJQYXJlbnRTdHlsZSI6bnVsbH0sIkRhdGVGb3JtYXQiOnsiJHJlZiI6IjMxIn0sIldlZWtOdW1iZXJpbmciOnsiJGlkIjoiMTIz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bnVsbCwiUGFyZW50U3R5bGUiOm51bGx9LCJCYWNrZ3JvdW5kU3R5bGUiOnsiJGlkIjoiMTQyIiwiTWFyZ2luIjp7IiRpZCI6IjE0MyIsIlRvcCI6MC4wLCJMZWZ0IjowLjAsIlJpZ2h0IjowLjAsIkJvdHRvbSI6MC4wfSwiUGFkZGluZyI6eyIkaWQiOiIxNDQiLCJUb3AiOjAuMCwiTGVmdCI6MC4wLCJSaWdodCI6MC4wLCJCb3R0b20iOjAuMH0sIkJhY2tncm91bmQiOnsiJGlkIjoiMTQ1IiwiQ29sb3IiOnsiJGlkIjoiMTQ2IiwiQSI6NTEsIlIiOjE2NSwiRyI6MTY1LCJCIjoxNjV9fSwiSXNWaXNpYmxlIjp0cnV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GlkIjoiMjM0IiwiQ29sb3IiOnsiJGlkIjoiMjM1IiwiQSI6ODksIlIiOjAsIkciOjAsIkIiOjB9fSwiSXNWaXNpYmxlIjp0cnVlLCJXaWR0aCI6MC4wLCJIZWlnaHQiOjAuMCwiQm9yZGVyU3R5bGUiOnsiJGlkIjoiMjM2IiwiTGluZUNvbG9yIjpudWxsLCJMaW5lV2VpZ2h0IjowLjAsIkxpbmVUeXBlIjowLCJQYXJlbnRTdHlsZSI6bnVsbH0sIlBhcmVudFN0eWxlIjpudWxsfSwiRGF0ZUZvcm1hdCI6eyIkaWQiOiIy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bnVsbH0sIlJpZ2h0RW5kQ2Fwc1N0eWxlIjp7IiRpZCI6IjM0MiIsIkZvbnRTZXR0aW5ncyI6eyIkaWQiOiIzNDMiLCJGb250U2l6ZSI6MTgsIkZvbnROYW1lIjoiQ2FsaWJyaSIsIklzQm9sZCI6dHJ1ZSwiSXNJdGFsaWMiOmZhbHNlLCJJc1VuZGVybGluZWQiOmZhbHNlLCJQYXJlbnRTdHlsZSI6bnVsbH0sIkF1dG9TaXplIjowLCJGb3JlZ3JvdW5kIjp7IiRpZCI6IjM0NCIsIkNvbG9yIjp7IiRpZCI6IjM0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4IiwiVG9wIjowLjAsIkxlZnQiOjAuMCwiUmlnaHQiOjAuMCwiQm90dG9tIjowLjB9LCJQYWRkaW5nIjp7IiRpZCI6IjQyOSIsIlRvcCI6MC4wLCJMZWZ0IjowLjAsIlJpZ2h0IjowLjAsIkJvdHRvbSI6MC4wfSwiQmFja2dyb3VuZCI6eyIkaWQiOiI0MzAiLCJDb2xvciI6eyIkaWQiOiI0MzEiLCJBIjo4OSwiUiI6MCwiRyI6MCwiQiI6MH19LCJJc1Zpc2libGUiOnRydWUsIldpZHRoIjowLjAsIkhlaWdodCI6MC4wLCJCb3JkZXJTdHlsZSI6bnVsbCwiUGFyZW50U3R5bGUiOm51bGx9LCJEYXRlRm9ybWF0Ijp7IiRpZCI6IjQ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Q1OCIsIkZvbnRTZXR0aW5ncyI6eyIkaWQiOiI0NTkiLCJGb250U2l6ZSI6MTAsIkZvbnROYW1lIjoiQ2FsaWJyaSIsIklzQm9sZCI6ZmFsc2UsIklzSXRhbGljIjpmYWxzZSwiSXNVbmRlcmxpbmVkIjpmYWxzZSwiUGFyZW50U3R5bGUiOm51bGx9LCJBdXRvU2l6ZSI6MCwiRm9yZWdyb3VuZCI6eyIkcmVmIjoiMTAz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4OSxcIlJcIjowLFwiR1wiOjAsXCJCXCI6MH19LFwiSXNWaXNpYmxlXCI6ZmFsc2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wLFwiUXVpY2tQb3NpdGlvblwiOjMsXCJBYnNvbHV0ZVBvc2l0aW9uXCI6MTgzLjY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AuMCxcIlBhZGRpbmdcIjp7XCIkaWRcIjpcIjkwXCIsXCJUb3BcIjo1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g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g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ODk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4OSxcIlJcIjowLFwiR1wiOjAsXCJCXCI6MH19LFwiSXNWaXNpYmxlXCI6dHJ1ZSxcIldpZHRoXCI6MC4wLFwiSGVpZ2h0XCI6MC4wLFwiQm9yZGVyU3R5bGVcIjpudWxsfSxcIlRpdGxlUG9zaXRpb25cIjoyLFwiRGF0ZVBvc2l0aW9uXCI6XCJMZWZ0XCIsXCJTaGFwZVR5cGVcIjoyLFwiU2hhcGVTaXplXCI6MSxcIlNoYXBlU3R5bGVcIjp7XCIkaWRcIjpcIjEzMVwi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My4wLFwiSGVpZ2h0XCI6MTM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xLFwiU2hhcGVUaGlja25lc3NcIjow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MyxcIklzQmVsb3dUaW1lYmFuZFwiOmZhbHN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MC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ksXCJGb250TmFtZVwiOlwiQ2FsaWJyaVwiLFwiSXNCb2xkXCI6ZmFsc2UsXCJJc0l0YWxpY1wiOmZhbHNlLFwiSXNVbmRlcmxpbmVkXCI6ZmFsc2V9LFwiQXV0b1NpemVcIjowLFwiRm9yZWdyb3VuZFwiOntcIiRpZFwiOlwiMTcwXCIsXCJDb2xvclwiOntcIiRpZFwiOlwiMTc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yZWZcIjpcIjExMlwifSxcIklzVmlzaWJsZVwiOnRydWUsXCJXaWR0aFwiOjAuMCxcIkhlaWdodFwiOjAuMCxcIkJvcmRlclN0eWxlXCI6e1wiJGlkXCI6XCIyNzdcIixcIkxpbmVDb2xvclwiOm51bGwsXCJMaW5lV2VpZ2h0XCI6MC4wLFwiTGluZVR5cGVcIjowfX0sXCJEYXRlRm9ybWF0XCI6e1wiJGlkXCI6XCIyNz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AzXCIsXCJUb3BcIjowLjAsXCJMZWZ0XCI6MC4wLFwiUmlnaHRcIjowLjAsXCJCb3R0b21cIjowLjB9LFwiUGFkZGluZ1wiOntcIiRpZFwiOlwiMzA0XCIsXCJUb3BcIjowLjAsXCJMZWZ0XCI6MC4wLFwiUmlnaHRcIjowLjAsXCJCb3R0b21cIjowLjB9LFwiQmFja2dyb3VuZFwiOntcIiRyZWZcIjpcIjExMlwifSxcIklzVmlzaWJsZVwiOnRydWUsXCJXaWR0aFwiOjAuMCxcIkhlaWdodFwiOjAuMCxcIkJvcmRlclN0eWxlXCI6e1wiJGlkXCI6XCIzMDVcIixcIkxpbmVDb2xvclwiOm51bGwsXCJMaW5lV2VpZ2h0XCI6MC4wLFwiTGluZVR5cGVcIjowfX0sXCJEYXRlRm9ybWF0XCI6e1wiJGlkXCI6XCIzM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MxXCIsXCJUb3BcIjowLjAsXCJMZWZ0XCI6MC4wLFwiUmlnaHRcIjowLjAsXCJCb3R0b21cIjowLjB9LFwiUGFkZGluZ1wiOntcIiRpZFwiOlwiMzMyXCIsXCJUb3BcIjowLjAsXCJMZWZ0XCI6MC4wLFwiUmlnaHRcIjowLjAsXCJCb3R0b21cIjowLjB9LFwiQmFja2dyb3VuZFwiOntcIiRyZWZcIjpcIjExMlwifSxcIklzVmlzaWJsZVwiOnRydWUsXCJXaWR0aFwiOjAuMCxcIkhlaWdodFwiOjAuMCxcIkJvcmRlclN0eWxlXCI6e1wiJGlkXCI6XCIzMzNcIixcIkxpbmVDb2xvclwiOm51bGwsXCJMaW5lV2VpZ2h0XCI6MC4wLFwiTGluZVR5cGVcIjowfX0sXCJEYXRlRm9ybWF0XCI6e1wiJGlkXCI6XCIzM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U5XCIsXCJUb3BcIjowLjAsXCJMZWZ0XCI6MC4wLFwiUmlnaHRcIjowLjAsXCJCb3R0b21cIjowLjB9LFwiUGFkZGluZ1wiOntcIiRpZFwiOlwiMzYwXCIsXCJUb3BcIjowLjAsXCJMZWZ0XCI6MC4wLFwiUmlnaHRcIjowLjAsXCJCb3R0b21cIjowLjB9LFwiQmFja2dyb3VuZFwiOntcIiRyZWZcIjpcIjExMlwifSxcIklzVmlzaWJsZVwiOnRydWUsXCJXaWR0aFwiOjAuMCxcIkhlaWdodFwiOjAuMCxcIkJvcmRlclN0eWxlXCI6e1wiJGlkXCI6XCIzNjFcIixcIkxpbmVDb2xvclwiOm51bGwsXCJMaW5lV2VpZ2h0XCI6MC4wLFwiTGluZVR5cGVcIjowfX0sXCJEYXRlRm9ybWF0XCI6e1wiJGlkXCI6XCIzNj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NVwiLFwiVG9wXCI6MC4wLFwiTGVmdFwiOjAuMCxcIlJpZ2h0XCI6MC4wLFwiQm90dG9tXCI6MC4wfSxcIlBhZGRpbmdcIjp7XCIkaWRcIjpcIjQxNlwiLFwiVG9wXCI6MC4wLFwiTGVmdFwiOjAuMCxcIlJpZ2h0XCI6MC4wLFwiQm90dG9tXCI6MC4wfSxcIkJhY2tncm91bmRcIjp7XCIkcmVmXCI6XCIxMTJcIn0sXCJJc1Zpc2libGVcIjp0cnVlLFwiV2lkdGhcIjowLjAsXCJIZWlnaHRcIjowLjAsXCJCb3JkZXJTdHlsZVwiOntcIiRpZFwiOlwiNDE3XCIsXCJMaW5lQ29sb3JcIjpudWxsLFwiTGluZVdlaWdodFwiOjAuMCxcIkxpbmVUeXBlXCI6MH19LFwiRGF0ZUZvcm1hdFwiOntcIiRpZFwiOlwiNDE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10sXCJDdXN0b21Td2ltbGFuZURlZmluaXRpb25TdHlsZUxpc3RcIjpbe1wiJGlkXCI6XCI0MTlcIixcIlN0eWxlXCI6e1wiJGlkXCI6XCI0MjBcIixcIkhlYWRlclN0eWxlXCI6e1wiJGlkXCI6XCI0MjFcIixcIlRleHRTdHlsZVwiOntcIiRpZFwiOlwiNDIyXCIsXCJGb250U2V0dGluZ3NcIjp7XCIkaWRcIjpcIjQyM1wiLFwiRm9udFNpemVcIjoxMCxcIkZvbnROYW1lXCI6XCJGcmFua2xpbiBHb3RoaWMgTWVkaXVtXCIsXCJJc0JvbGRcIjpmYWxzZSxcIklzSXRhbGljXCI6ZmFsc2UsXCJJc1VuZGVybGluZWRcIjpmYWxzZX0sXCJBdXRvU2l6ZVwiOjAsXCJGb3JlZ3JvdW5kXCI6e1wiJGlkXCI6XCI0MjRcIixcIkNvbG9yXCI6e1wiJGlkXCI6XCI0MjV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1MVwiLFwiVG9wXCI6MC4wLFwiTGVmdFwiOjAuMCxcIlJpZ2h0XCI6MC4wLFwiQm90dG9tXCI6MC4wfSxcIlBhZGRpbmdcIjp7XCIkaWRcIjpcIjQ1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MWI5OTI1YzktYzRhMC00Yzc5LWExMWItYThiOTFjOTdlMGIxXCIsXCJTcGFjaW5nXCI6NX1dLFwiQ3VzdG9tU3dpbWxhbmVUYXNrU3R5bGVMaXN0XCI6W3tcIiRpZFwiOlwiNDYwXCIsXCJUYXNrU3R5bGVcIjp7XCIkaWRcIjpcIjQ2MVwiLFwiU2hhcGVcIjoxLFwiU2hhcGVUaGlja25lc3NcIjowLFwiRHVyYXRpb25Gb3JtYXRcIjowLFwiUGVyY2VudGFnZUNvbXBsZ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OTNcIixcIlRvcFwiOjAuMCxcIkxlZnRcIjowLjAsXCJSaWdodFwiOjAuMCxcIkJvdHRvbVwiOjAuMH0sXCJQYWRkaW5nXCI6e1wiJGlkXCI6XCI0OTRcIixcIlRvcFwiOjAuMCxcIkxlZnRcIjowLjAsXCJSaWdodFwiOjAuMCxcIkJvdHRvbVwiOjAuMH0sXCJCYWNrZ3JvdW5kXCI6e1wiJHJlZlwiOlwiMTgxXCJ9LFwiSXNWaXNpYmxlXCI6dHJ1ZSxcIldpZHRoXCI6MC4wLFwiSGVpZ2h0XCI6MC4wLFwiQm9yZGVyU3R5bGVcIjp7XCIkaWRcIjpcIjQ5NVwiLFwiTGluZUNvbG9yXCI6bnVsbCxcIkxpbmVXZWlnaHRcIjowLjAsXCJMaW5lVHlwZVwiOjB9fSxcIkRhdGVGb3JtYXRcIjp7XCIkaWRcIjpcIjQ5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5N1wiLFwiVGFza1N0eWxlXCI6e1wiJGlkXCI6XCI0OThcIixcIlNoYXBlXCI6MSxcIlNoYXBlVGhpY2tuZXNzXCI6MCxcIkR1cmF0aW9uRm9ybWF0XCI6MCxcIlBlcmNlbnRhZ2VDb21wbGV0ZVN0eWxlXCI6e1wiJGlkXCI6XCI0OTlcIixcIkZvbnRTZXR0aW5nc1wiOntcIiRpZFwiOlwiNTAwXCIsXCJGb250U2l6ZVwiOjEwLFwiRm9udE5hbWVcIjpcIkNhbGlicmlcIixcIklzQm9sZFwiOmZhbHNlLFwiSXNJdGFsaWNcIjpmYWxzZSxcIklzVW5kZXJsaW5lZFwiOmZhbHNlfSxcIkF1dG9TaXplXCI6MCxcIkZvcmVncm91bmRcIjp7XCIkaWRcIjpcIjUwM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zMFwiLFwiVG9wXCI6MC4wLFwiTGVmdFwiOjAuMCxcIlJpZ2h0XCI6MC4wLFwiQm90dG9tXCI6MC4wfSxcIlBhZGRpbmdcIjp7XCIkaWRcIjpcIjUzMVwiLFwiVG9wXCI6MC4wLFwiTGVmdFwiOjAuMCxcIlJpZ2h0XCI6MC4wLFwiQm90dG9tXCI6MC4wfSxcIkJhY2tncm91bmRcIjp7XCIkcmVmXCI6XCIxODFcIn0sXCJJc1Zpc2libGVcIjp0cnVlLFwiV2lkdGhcIjowLjAsXCJIZWlnaHRcIjowLjAsXCJCb3JkZXJTdHlsZVwiOntcIiRpZFwiOlwiNTMyXCIsXCJMaW5lQ29sb3JcIjpudWxsLFwiTGluZVdlaWdodFwiOjAuMCxcIkxpbmVUeXBlXCI6MH19LFwiRGF0ZUZvcm1hdFwiOntcIiRpZFwiOlwiNTM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TM0XCIsXCJUYXNrU3R5bGVcIjp7XCIkaWRcIjpcIjUzNVwiLFwiU2hhcGVcIjoxLFwiU2hhcGVUaGlja25lc3NcIjowLFwiRHVyYXRpb25Gb3JtYXRcIjowLFwiUGVyY2VudGFnZUNvbXBsZXRlU3R5bGVcIjp7XCIkaWRcIjpcIjUzNlwiLFwiRm9udFNldHRpbmdzXCI6e1wiJGlkXCI6XCI1MzdcIixcIkZvbnRTaXplXCI6MTAsXCJGb250TmFtZVwiOlwiQ2FsaWJyaVwiLFwiSXNCb2xkXCI6ZmFsc2UsXCJJc0l0YWxpY1wiOmZhbHNlLFwiSXNVbmRlcmxpbmVkXCI6ZmFsc2V9LFwiQXV0b1NpemVcIjowLFwiRm9yZWdyb3VuZFwiOntcIiRpZFwiOlwiNTM4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yZWZcIjpcIjE4MVwifSxcIklzVmlzaWJsZVwiOnRydWUsXCJXaWR0aFwiOjAuMCxcIkhlaWdodFwiOjAuMCxcIkJvcmRlclN0eWxlXCI6e1wiJGlkXCI6XCI1NjlcIixcIkxpbmVDb2xvclwiOm51bGwsXCJMaW5lV2VpZ2h0XCI6MC4wLFwiTGluZVR5cGVcIjowfX0sXCJEYXRlRm9ybWF0XCI6e1wiJGlkXCI6XCI1Nz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1NzFcIixcIlRhc2tTdHlsZVwiOntcIiRpZFwiOlwiNTcyXCIsXCJTaGFwZVwiOjEsXCJTaGFwZVRoaWNrbmVzc1wiOjEsXCJEdXJhdGlvbkZvcm1hdFwiOjAsXCJQZXJjZW50YWdlQ29tcGxldGVTdHlsZVwiOntcIiRpZFwiOlwiNTczXCIsXCJGb250U2V0dGluZ3NcIjp7XCIkaWRcIjpcIjU3NFwiLFwiRm9udFNpemVcIjoxMCxcIkZvbnROYW1lXCI6XCJDYWxpYnJpXCIsXCJJc0JvbGRcIjpmYWxzZSxcIklzSXRhbGljXCI6ZmFsc2UsXCJJc1VuZGVybGluZWRcIjpmYWxzZX0sXCJBdXRvU2l6ZVwiOjAsXCJGb3JlZ3JvdW5kXCI6e1wiJGlkXCI6XCI1NzV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MDRcIixcIlRvcFwiOjAuMCxcIkxlZnRcIjowLjAsXCJSaWdodFwiOjAuMCxcIkJvdHRvbVwiOjAuMH0sXCJQYWRkaW5nXCI6e1wiJGlkXCI6XCI2MDVcIixcIlRvcFwiOjAuMCxcIkxlZnRcIjowLjAsXCJSaWdodFwiOjAuMCxcIkJvdHRvbVwiOjAuMH0sXCJCYWNrZ3JvdW5kXCI6e1wiJHJlZlwiOlwiMTgxXCJ9LFwiSXNWaXNpYmxlXCI6dHJ1ZSxcIldpZHRoXCI6MC4wLFwiSGVpZ2h0XCI6MC4wLFwiQm9yZGVyU3R5bGVcIjp7XCIkaWRcIjpcIjYwNlwiLFwiTGluZUNvbG9yXCI6bnVsbCxcIkxpbmVXZWlnaHRcIjowLjAsXCJMaW5lVHlwZVwiOjB9fSxcIkRhdGVGb3JtYXRcIjp7XCIkaWRcIjpcIjYwN1wiLFwiRm9ybWF0U3RyaW5nXCI6XCJNL2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YzMVwiLFwiVG9wXCI6MC4wLFwiTGVmdFwiOjAuMCxcIlJpZ2h0XCI6MC4wLFwiQm90dG9tXCI6MC4wfSxcIlBhZGRpbmdcIjp7XCIkaWRcIjpcIjYzMlwiLFwiVG9wXCI6MC4wLFwiTGVmdFwiOjAuMCxcIlJpZ2h0XCI6MC4wLFwiQm90dG9tXCI6MC4wfSxcIkJhY2tncm91bmRcIjp7XCIkcmVmXCI6XCIxMTJcIn0sXCJJc1Zpc2libGVcIjpmYWxzZSxcIldpZHRoXCI6MC4wLFwiSGVpZ2h0XCI6MC4wLFwiQm9yZGVyU3R5bGVcIjp7XCIkaWRcIjpcIjYzM1wiLFwiTGluZUNvbG9yXCI6bnVsbCxcIkxpbmVXZWlnaHRcIjowLjAsXCJMaW5lVHlwZVwiOjB9fSxcIkRhdGVGb3JtYXRcIjp7XCIkaWRcIjpcIjYz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TZcIixcIlRvcFwiOjAuMCxcIkxlZnRcIjowLjAsXCJSaWdodFwiOjAuMCxcIkJvdHRvbVwiOjAuMH0sXCJQYWRkaW5nXCI6e1wiJGlkXCI6XCI2NTdcIixcIlRvcFwiOjAuMCxcIkxlZnRcIjowLjAsXCJSaWdodFwiOjAuMCxcIkJvdHRvbVwiOjAuMH0sXCJCYWNrZ3JvdW5kXCI6e1wiJHJlZlwiOlwiMTEyXCJ9LFwiSXNWaXNpYmxlXCI6ZmFsc2UsXCJXaWR0aFwiOjAuMCxcIkhlaWdodFwiOjAuMCxcIkJvcmRlclN0eWxlXCI6e1wiJGlkXCI6XCI2NThcIixcIkxpbmVDb2xvclwiOm51bGwsXCJMaW5lV2VpZ2h0XCI6MC4wLFwiTGluZVR5cGVcIjowfX0sXCJEYXRlRm9ybWF0XCI6e1wiJGlkXCI6XCI2NT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jgxXCIsXCJUb3BcIjowLjAsXCJMZWZ0XCI6MC4wLFwiUmlnaHRcIjowLjAsXCJCb3R0b21cIjowLjB9LFwiUGFkZGluZ1wiOntcIiRpZFwiOlwiNjgyXCIsXCJUb3BcIjowLjAsXCJMZWZ0XCI6MC4wLFwiUmlnaHRcIjowLjAsXCJCb3R0b21cIjowLjB9LFwiQmFja2dyb3VuZFwiOntcIiRyZWZcIjpcIjExMlwifSxcIklzVmlzaWJsZVwiOmZhbHNlLFwiV2lkdGhcIjowLjAsXCJIZWlnaHRcIjowLjAsXCJCb3JkZXJTdHlsZVwiOntcIiRpZFwiOlwiNjgzXCIsXCJMaW5lQ29sb3JcIjpudWxsLFwiTGluZVdlaWdodFwiOjAuMCxcIkxpbmVUeXBlXCI6MH19LFwiRGF0ZUZvcm1hdFwiOntcIiRpZFwiOlwiNjg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xN1wiLFwiVG9wXCI6MC4wLFwiTGVmdFwiOjAuMCxcIlJpZ2h0XCI6MC4wLFwiQm90dG9tXCI6MC4wfSxcIlBhZGRpbmdcIjp7XCIkaWRcIjpcIjcx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MjZcIixcIlRpdGxlU3R5bGVcIjp7XCIkaWRcIjpcIjcyN1wiLFwiRm9udFNldHRpbmdzXCI6e1wiJGlkXCI6XCI3MjhcIixcIkZvbnRTaXplXCI6OCxcIkZvbnROYW1lXCI6XCJDYWxpYnJpXCIsXCJJc0JvbGRcIjp0cnVlLFwiSXNJdGFsaWNcIjpmYWxzZSxcIklzVW5kZXJsaW5lZFwiOmZhbHNlfSxcIkF1dG9TaXplXCI6MCxcIkZvcmVncm91bmRcIjp7XCIkaWRcIjpcIjcyOVwiLFwiQ29sb3JcIjp7XCIkaWRcIjpcIjcz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zN1wiLFwiVG9wXCI6MC4wLFwiTGVmdFwiOjAuMCxcIlJpZ2h0XCI6MC4wLFwiQm90dG9tXCI6MC4wfSxcIlBhZGRpbmdcIjp7XCIkaWRcIjpcIjcz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NDZcIixcIlRpdGxlU3R5bGVcIjp7XCIkaWRcIjpcIjc0N1wiLFwiRm9udFNldHRpbmdzXCI6e1wiJGlkXCI6XCI3NDhcIixcIkZvbnRTaXplXCI6OCxcIkZvbnROYW1lXCI6XCJDYWxpYnJpXCIsXCJJc0JvbGRcIjp0cnVlLFwiSXNJdGFsaWNcIjpmYWxzZSxcIklzVW5kZXJsaW5lZFwiOmZhbHNlfSxcIkF1dG9TaXplXCI6MCxcIkZvcmVncm91bmRcIjp7XCIkaWRcIjpcIjc0OVwiLFwiQ29sb3JcIjp7XCIkaWRcIjpcIjc1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NjZcIixcIlRpdGxlU3R5bGVcIjp7XCIkaWRcIjpcIjc2N1wiLFwiRm9udFNldHRpbmdzXCI6e1wiJGlkXCI6XCI3NjhcIixcIkZvbnRTaXplXCI6OCxcIkZvbnROYW1lXCI6XCJDYWxpYnJpXCIsXCJJc0JvbGRcIjp0cnVlLFwiSXNJdGFsaWNcIjpmYWxzZSxcIklzVW5kZXJsaW5lZFwiOmZhbHNlfSxcIkF1dG9TaXplXCI6MCxcIkZvcmVncm91bmRcIjp7XCIkaWRcIjpcIjc2OVwiLFwiQ29sb3JcIjp7XCIkaWRcIjpcIjc3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ODZcIixcIlRpdGxlU3R5bGVcIjp7XCIkaWRcIjpcIjc4N1wiLFwiRm9udFNldHRpbmdzXCI6e1wiJGlkXCI6XCI3ODhcIixcIkZvbnRTaXplXCI6OCxcIkZvbnROYW1lXCI6XCJDYWxpYnJpXCIsXCJJc0JvbGRcIjp0cnVlLFwiSXNJdGFsaWNcIjpmYWxzZSxcIklzVW5kZXJsaW5lZFwiOmZhbHNlfSxcIkF1dG9TaXplXCI6MCxcIkZvcmVncm91bmRcIjp7XCIkaWRcIjpcIjc4OVwiLFwiQ29sb3JcIjp7XCIkaWRcIjpcIjc5MF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5N1wiLFwiVG9wXCI6MC4wLFwiTGVmdFwiOjAuMCxcIlJpZ2h0XCI6MC4wLFwiQm90dG9tXCI6MC4wfSxcIlBhZGRpbmdcIjp7XCIkaWRcIjpcIjc5O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1dLFwiQ3VzdG9tU3dpbWxhbmVUYXNrU3R5bGVMaXN0XCI6W3tcIiRpZFwiOlwiODA2XCIsXCJUYXNrU3R5bGVcIjp7XCIkaWRcIjpcIjgwN1wiLFwiU2hhcGVcIjo2LFwiU2hhcGVUaGlja25lc3NcIjoxLFwiRHVyYXRpb25Gb3JtYXRcIjowLFwiUGVyY2VudGFnZUNvbXBsZXRlU3R5bGVcIjp7XCIkaWRcIjpcIjgwOFwiLFwiRm9udFNldHRpbmdzXCI6e1wiJGlkXCI6XCI4MDlcIixcIkZvbnRTaXplXCI6MTAsXCJGb250TmFtZVwiOlwiQ2FsaWJyaVwiLFwiSXNCb2xkXCI6ZmFsc2UsXCJJc0l0YWxpY1wiOmZhbHNlLFwiSXNVbmRlcmxpbmVkXCI6ZmFsc2V9LFwiQXV0b1NpemVcIjowLFwiRm9yZWdyb3VuZFwiOntcIiRpZFwiOlwiODEw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M5XCIsXCJUb3BcIjowLjAsXCJMZWZ0XCI6MC4wLFwiUmlnaHRcIjowLjAsXCJCb3R0b21cIjowLjB9LFwiUGFkZGluZ1wiOntcIiRpZFwiOlwiODQwXCIsXCJUb3BcIjowLjAsXCJMZWZ0XCI6MC4wLFwiUmlnaHRcIjowLjAsXCJCb3R0b21cIjowLjB9LFwiQmFja2dyb3VuZFwiOntcIiRyZWZcIjpcIjE4MVwifSxcIklzVmlzaWJsZVwiOnRydWUsXCJXaWR0aFwiOjAuMCxcIkhlaWdodFwiOjAuMCxcIkJvcmRlclN0eWxlXCI6e1wiJGlkXCI6XCI4NDFcIixcIkxpbmVDb2xvclwiOm51bGwsXCJMaW5lV2VpZ2h0XCI6MC4wLFwiTGluZVR5cGVcIjowfX0sXCJEYXRlRm9ybWF0XCI6e1wiJGlkXCI6XCI4N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4NDNcIixcIlRhc2tTdHlsZVwiOntcIiRpZFwiOlwiODQ0XCIsXCJTaGFwZVwiOjYsXCJTaGFwZVRoaWNrbmVzc1wiOjEsXCJEdXJhdGlvbkZvcm1hdFwiOjAsXCJQZXJjZW50YWdlQ29tcGxldGVTdHlsZVwiOntcIiRpZFwiOlwiODQ1XCIsXCJGb250U2V0dGluZ3NcIjp7XCIkaWRcIjpcIjg0NlwiLFwiRm9udFNpemVcIjoxMCxcIkZvbnROYW1lXCI6XCJDYWxpYnJpXCIsXCJJc0JvbGRcIjpmYWxzZSxcIklzSXRhbGljXCI6ZmFsc2UsXCJJc1VuZGVybGluZWRcIjpmYWxzZX0sXCJBdXRvU2l6ZVwiOjAsXCJGb3JlZ3JvdW5kXCI6e1wiJGlkXCI6XCI4NDd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e1wiJHJlZlwiOlwiMTgxXCJ9LFwiSXNWaXNpYmxlXCI6dHJ1ZSxcIldpZHRoXCI6MC4wLFwiSGVpZ2h0XCI6MC4wLFwiQm9yZGVyU3R5bGVcIjp7XCIkaWRcIjpcIjg3OFwiLFwiTGluZUNvbG9yXCI6bnVsbCxcIkxpbmVXZWlnaHRcIjowLjAsXCJMaW5lVHlwZVwiOjB9fSxcIkRhdGVGb3JtYXRcIjp7XCIkaWRcIjpcIjg3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4MFwiLFwiVGFza1N0eWxlXCI6e1wiJGlkXCI6XCI4ODFcIixcIlNoYXBlXCI6NixcIlNoYXBlVGhpY2tuZXNzXCI6MSxcIkR1cmF0aW9uRm9ybWF0XCI6MCxcIlBlcmNlbnRhZ2VDb21wbGV0ZVN0eWxlXCI6e1wiJGlkXCI6XCI4ODJcIixcIkZvbnRTZXR0aW5nc1wiOntcIiRpZFwiOlwiODgzXCIsXCJGb250U2l6ZVwiOjEwLFwiRm9udE5hbWVcIjpcIkNhbGlicmlcIixcIklzQm9sZFwiOmZhbHNlLFwiSXNJdGFsaWNcIjpmYWxzZSxcIklzVW5kZXJsaW5lZFwiOmZhbHNlfSxcIkF1dG9TaXplXCI6MCxcIkZvcmVncm91bmRcIjp7XCIkaWRcIjpcIjg4NF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xM1wiLFwiVG9wXCI6MC4wLFwiTGVmdFwiOjAuMCxcIlJpZ2h0XCI6MC4wLFwiQm90dG9tXCI6MC4wfSxcIlBhZGRpbmdcIjp7XCIkaWRcIjpcIjkxNFwiLFwiVG9wXCI6MC4wLFwiTGVmdFwiOjAuMCxcIlJpZ2h0XCI6MC4wLFwiQm90dG9tXCI6MC4wfSxcIkJhY2tncm91bmRcIjp7XCIkcmVmXCI6XCIxODFcIn0sXCJJc1Zpc2libGVcIjp0cnVlLFwiV2lkdGhcIjowLjAsXCJIZWlnaHRcIjowLjAsXCJCb3JkZXJTdHlsZVwiOntcIiRpZFwiOlwiOTE1XCIsXCJMaW5lQ29sb3JcIjpudWxsLFwiTGluZVdlaWdodFwiOjAuMCxcIkxpbmVUeXBlXCI6MH19LFwiRGF0ZUZvcm1hdFwiOntcIiRpZFwiOlwiOTE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TQ5XCIsXCJUb3BcIjowLjAsXCJMZWZ0XCI6MC4wLFwiUmlnaHRcIjowLjAsXCJCb3R0b21cIjowLjB9LFwiUGFkZGluZ1wiOntcIiRpZFwiOlwiOTU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OWNjZmE1Zi03YzlkLTQ1MzMtYjg5OS0zNTI5YjEyM2NkMmZcIixcIlNwYWNpbmdcIjo1fSx7XCIkaWRcIjpcIjk1OFwiLFwiVGl0bGVTdHlsZVwiOntcIiRpZFwiOlwiOTU5XCIsXCJGb250U2V0dGluZ3NcIjp7XCIkaWRcIjpcIjk2MFwiLFwiRm9udFNpemVcIjo4LFwiRm9udE5hbWVcIjpcIkNhbGlicmlcIixcIklzQm9sZFwiOnRydWUsXCJJc0l0YWxpY1wiOmZhbHNlLFwiSXNVbmRlcmxpbmVkXCI6ZmFsc2V9LFwiQXV0b1NpemVcIjowLFwiRm9yZWdyb3VuZFwiOntcIiRpZFwiOlwiOTYxXCIsXCJDb2xvclwiOntcIiRpZFwiOlwiOTY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TY5XCIsXCJUb3BcIjowLjAsXCJMZWZ0XCI6MC4wLFwiUmlnaHRcIjowLjAsXCJCb3R0b21cIjowLjB9LFwiUGFkZGluZ1wiOntcIiRpZFwiOlwiOTc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MVwiLFwiVG9wXCI6MC4wLFwiTGVmdFwiOjAuMCxcIlJpZ2h0XCI6MC4wLFwiQm90dG9tXCI6MC4wfSxcIlBhZGRpbmdcIjp7XCIkaWRcIjpcIjEwMTJcIixcIlRvcFwiOjAuMCxcIkxlZnRcIjowLjAsXCJSaWdodFwiOjAuMCxcIkJvdHRvbVwiOjAuMH0sXCJCYWNrZ3JvdW5kXCI6e1wiJHJlZlwiOlwiMTgxXCJ9LFwiSXNWaXNpYmxlXCI6dHJ1ZSxcIldpZHRoXCI6MC4wLFwiSGVpZ2h0XCI6MC4wLFwiQm9yZGVyU3R5bGVcIjp7XCIkaWRcIjpcIjEwMTNcIixcIkxpbmVDb2xvclwiOm51bGwsXCJMaW5lV2VpZ2h0XCI6MC4wLFwiTGluZVR5cGVcIjowfX0sXCJEYXRlRm9ybWF0XCI6e1wiJGlkXCI6XCIxMDE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xNVwiLFwiVGFza1N0eWxlXCI6e1wiJGlkXCI6XCIxMDE2XCIsXCJTaGFwZVwiOjEsXCJTaGFwZVRoaWNrbmVzc1wiOjAsXCJEdXJhdGlvbkZvcm1hdFwiOjAsXCJQZXJjZW50YWdlQ29tcGxldGVTdHlsZVwiOntcIiRpZFwiOlwiMTAxN1wiLFwiRm9udFNldHRpbmdzXCI6e1wiJGlkXCI6XCIxMDE4XCIsXCJGb250U2l6ZVwiOjEwLFwiRm9udE5hbWVcIjpcIkNhbGlicmlcIixcIklzQm9sZFwiOmZhbHNlLFwiSXNJdGFsaWNcIjpmYWxzZSxcIklzVW5kZXJsaW5lZFwiOmZhbHNlfSxcIkF1dG9TaXplXCI6MCxcIkZvcmVncm91bmRcIjp7XCIkaWRcIjpcIjEwMT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Q4XCIsXCJUb3BcIjowLjAsXCJMZWZ0XCI6MC4wLFwiUmlnaHRcIjowLjAsXCJCb3R0b21cIjowLjB9LFwiUGFkZGluZ1wiOntcIiRpZFwiOlwiMTA0OVwiLFwiVG9wXCI6MC4wLFwiTGVmdFwiOjAuMCxcIlJpZ2h0XCI6MC4wLFwiQm90dG9tXCI6MC4wfSxcIkJhY2tncm91bmRcIjp7XCIkcmVmXCI6XCIxODFcIn0sXCJJc1Zpc2libGVcIjp0cnVlLFwiV2lkdGhcIjowLjAsXCJIZWlnaHRcIjowLjAsXCJCb3JkZXJTdHlsZVwiOntcIiRpZFwiOlwiMTA1MFwiLFwiTGluZUNvbG9yXCI6bnVsbCxcIkxpbmVXZWlnaHRcIjowLjAsXCJMaW5lVHlwZVwiOjB9fSxcIkRhdGVGb3JtYXRcIjp7XCIkaWRcIjpcIjEwN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UyXCIsXCJUYXNrU3R5bGVcIjp7XCIkaWRcIjpcIjEwNTNcIixcIlNoYXBlXCI6NixcIlNoYXBlVGhpY2tuZXNzXCI6MSxcIkR1cmF0aW9uRm9ybWF0XCI6MCxcIlBlcmNlbnRhZ2VDb21wbGV0ZVN0eWxlXCI6e1wiJGlkXCI6XCIxMDU0XCIsXCJGb250U2V0dGluZ3NcIjp7XCIkaWRcIjpcIjEwNTVcIixcIkZvbnRTaXplXCI6MTAsXCJGb250TmFtZVwiOlwiQ2FsaWJyaVwiLFwiSXNCb2xkXCI6ZmFsc2UsXCJJc0l0YWxpY1wiOmZhbHNlLFwiSXNVbmRlcmxpbmVkXCI6ZmFsc2V9LFwiQXV0b1NpemVcIjowLFwiRm9yZWdyb3VuZFwiOntcIiRpZFwiOlwiMTA1Nl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g1XCIsXCJUb3BcIjowLjAsXCJMZWZ0XCI6MC4wLFwiUmlnaHRcIjowLjAsXCJCb3R0b21cIjowLjB9LFwiUGFkZGluZ1wiOntcIiRpZFwiOlwiMTA4NlwiLFwiVG9wXCI6MC4wLFwiTGVmdFwiOjAuMCxcIlJpZ2h0XCI6MC4wLFwiQm90dG9tXCI6MC4wfSxcIkJhY2tncm91bmRcIjp7XCIkcmVmXCI6XCIxODFcIn0sXCJJc1Zpc2libGVcIjp0cnVlLFwiV2lkdGhcIjowLjAsXCJIZWlnaHRcIjowLjAsXCJCb3JkZXJTdHlsZVwiOntcIiRpZFwiOlwiMTA4N1wiLFwiTGluZUNvbG9yXCI6bnVsbCxcIkxpbmVXZWlnaHRcIjowLjAsXCJMaW5lVHlwZVwiOjB9fSxcIkRhdGVGb3JtYXRcIjp7XCIkaWRcIjpcIjEw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g5XCIsXCJUYXNrU3R5bGVcIjp7XCIkaWRcIjpcIjEwOTBcIixcIlNoYXBlXCI6NixcIlNoYXBlVGhpY2tuZXNzXCI6MSxcIkR1cmF0aW9uRm9ybWF0XCI6MCxcIlBlcmNlbnRhZ2VDb21wbGV0ZVN0eWxlXCI6e1wiJGlkXCI6XCIxMDkxXCIsXCJGb250U2V0dGluZ3NcIjp7XCIkaWRcIjpcIjEwOTJcIixcIkZvbnRTaXplXCI6MTAsXCJGb250TmFtZVwiOlwiQ2FsaWJyaVwiLFwiSXNCb2xkXCI6ZmFsc2UsXCJJc0l0YWxpY1wiOmZhbHNlLFwiSXNVbmRlcmxpbmVkXCI6ZmFsc2V9LFwiQXV0b1NpemVcIjowLFwiRm9yZWdyb3VuZFwiOntcIiRpZFwiOlwiMTA5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IyXCIsXCJUb3BcIjowLjAsXCJMZWZ0XCI6MC4wLFwiUmlnaHRcIjowLjAsXCJCb3R0b21cIjowLjB9LFwiUGFkZGluZ1wiOntcIiRpZFwiOlwiMTEyM1wiLFwiVG9wXCI6MC4wLFwiTGVmdFwiOjAuMCxcIlJpZ2h0XCI6MC4wLFwiQm90dG9tXCI6MC4wfSxcIkJhY2tncm91bmRcIjp7XCIkcmVmXCI6XCIxODFcIn0sXCJJc1Zpc2libGVcIjp0cnVlLFwiV2lkdGhcIjowLjAsXCJIZWlnaHRcIjowLjAsXCJCb3JkZXJTdHlsZVwiOntcIiRpZFwiOlwiMTEyNFwiLFwiTGluZUNvbG9yXCI6bnVsbCxcIkxpbmVXZWlnaHRcIjowLjAsXCJMaW5lVHlwZVwiOjB9fSxcIkRhdGVGb3JtYXRcIjp7XCIkaWRcIjpcIjExM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TI2XCIsXCJUYXNrU3R5bGVcIjp7XCIkaWRcIjpcIjExMjdcIixcIlNoYXBlXCI6MyxcIlNoYXBlVGhpY2tuZXNzXCI6MCxcIkR1cmF0aW9uRm9ybWF0XCI6MCxcIlBlcmNlbnRhZ2VDb21wbGV0ZVN0eWxlXCI6e1wiJGlkXCI6XCIxMTI4XCIsXCJGb250U2V0dGluZ3NcIjp7XCIkaWRcIjpcIjExMjlcIixcIkZvbnRTaXplXCI6MTAsXCJGb250TmFtZVwiOlwiQ2FsaWJyaVwiLFwiSXNCb2xkXCI6ZmFsc2UsXCJJc0l0YWxpY1wiOmZhbHNlLFwiSXNVbmRlcmxpbmVkXCI6ZmFsc2V9LFwiQXV0b1NpemVcIjowLFwiRm9yZWdyb3VuZFwiOntcIiRpZFwiOlwiMTEzMF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U5XCIsXCJUb3BcIjowLjAsXCJMZWZ0XCI6MC4wLFwiUmlnaHRcIjowLjAsXCJCb3R0b21cIjowLjB9LFwiUGFkZGluZ1wiOntcIiRpZFwiOlwiMTE2MFwiLFwiVG9wXCI6MC4wLFwiTGVmdFwiOjAuMCxcIlJpZ2h0XCI6MC4wLFwiQm90dG9tXCI6MC4wfSxcIkJhY2tncm91bmRcIjp7XCIkcmVmXCI6XCIxODFcIn0sXCJJc1Zpc2libGVcIjp0cnVlLFwiV2lkdGhcIjowLjAsXCJIZWlnaHRcIjowLjAsXCJCb3JkZXJTdHlsZVwiOntcIiRpZFwiOlwiMTE2MVwiLFwiTGluZUNvbG9yXCI6bnVsbCxcIkxpbmVXZWlnaHRcIjowLjAsXCJMaW5lVHlwZVwiOjB9fSxcIkRhdGVGb3JtYXRcIjp7XCIkaWRcIjpcIjExNj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ExNjNcIixcIlN0eWxlXCI6e1wiJGlkXCI6XCIxMTY0XCIsXCJIZWFkZXJTdHlsZVwiOntcIiRpZFwiOlwiMTE2NVwiLFwiVGV4dFN0eWxlXCI6e1wiJGlkXCI6XCIxMTY2XCIsXCJGb250U2V0dGluZ3NcIjp7XCIkaWRcIjpcIjExNjdcIixcIkZvbnRTaXplXCI6MTAsXCJGb250TmFtZVwiOlwiRnJhbmtsaW4gR290aGljIE1lZGl1bVwiLFwiSXNCb2xkXCI6ZmFsc2UsXCJJc0l0YWxpY1wiOmZhbHNlLFwiSXNVbmRlcmxpbmVkXCI6ZmFsc2V9LFwiQXV0b1NpemVcIjowLFwiRm9yZWdyb3VuZFwiOntcIiRpZFwiOlwiMTE2OFwiLFwiQ29sb3JcIjp7XCIkaWRcIjpcIjExNjl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yZWZcIjpcIjEwNVwifSxcIklzVmlzaWJsZVwiOnRydWUsXCJXaWR0aFwiOjAuMCxcIkhlaWdodFwiOjAuMCxcIkJvcmRlclN0eWxlXCI6bnVsbH0sXCJEYXRlU3R5bGVcIjp7XCIkaWRcIjpcIjEyMTJcIixcIkZvbnRTZXR0aW5nc1wiOntcIiRpZFwiOlwiMTIxM1wiLFwiRm9udFNpemVcIjo5LFwiRm9udE5hbWVcIjpcIkNhbGlicmlcIixcIklzQm9sZFwiOmZhbHNlLFwiSXNJdGFsaWNcIjpmYWxzZSxcIklzVW5kZXJsaW5lZFwiOmZhbHNlfSxcIkF1dG9TaXplXCI6MCxcIkZvcmVncm91bmRcIjp7XCIkaWRcIjpcIjEyMTRcIixcIkNvbG9yXCI6e1wiJGlkXCI6XCIxMjE1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EyMTZcIixcIlRvcFwiOjAuMCxcIkxlZnRcIjowLjAsXCJSaWdodFwiOjAuMCxcIkJvdHRvbVwiOjAuMH0sXCJQYWRkaW5nXCI6e1wiJGlkXCI6XCIxMjE3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MTI1OFwiLFwiVG9wXCI6MC4wLFwiTGVmdFwiOjAuMCxcIlJpZ2h0XCI6MC4wLFwiQm90dG9tXCI6MC4wfSxcIlBhZGRpbmdcIjp7XCIkaWRcIjpcIjEyNTlcIixcIlRvcFwiOjAuMCxcIkxlZnRcIjowLjAsXCJSaWdodFwiOjAuMCxcIkJvdHRvbVwiOjAuMH0sXCJCYWNrZ3JvdW5kXCI6e1wiJHJlZlwiOlwiMTEyXCJ9LFwiSXNWaXNpYmxlXCI6dHJ1ZSxcIldpZHRoXCI6MC4wLFwiSGVpZ2h0XCI6MC4wLFwiQm9yZGVyU3R5bGVcIjpudWxsfSxcIlRpdGxlUG9zaXRpb25cIjowLFwiRGF0ZVBvc2l0aW9uXCI6XCJSaWdodFwiLFwiU2hhcGVUeXBlXCI6MTMsXCJTaGFwZVNpemVcIjowLFwiU2hhcGVTdHlsZVwiOntcIiRpZFwiOlwiMTI2MFwi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jU1LFwiUlwiOjExNSxcIkdcIjoxMTUsXCJCXCI6MTE1fX0sXCJJc1Zpc2libGVcIjp0cnVlLFwiV2lkdGhcIjoxMi4wLFwiSGVpZ2h0XCI6MTQuMCxcIkJvcmRlclN0eWxlXCI6e1wiJGlkXCI6XCIxMjY1XCIsXCJMaW5lQ29sb3JcIjp7XCIkcmVmXCI6XCI5N1wifSxcIkxpbmVXZWlnaHRcIjowLjAsXCJMaW5lVHlwZVwiOjB9fSxcIkRhdGVGb3JtYXRcIjp7XCIkaWRcIjpcIjEyNjZ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EyNzlcIixcIlRvcFwiOjAuMCxcIkxlZnRcIjowLjAsXCJSaWdodFwiOjAuMCxcIkJvdHRvbVwiOjAuMH0sXCJQYWRkaW5nXCI6e1wiJGlkXCI6XCIxMjgw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UiLCJVc2VUaW1lIjpmYWxzZSwiV29ya0RheVN0YXJ0IjoiMDA6MDA6MDAiLCJXb3JrRGF5RW5kIjoiMjM6NTk6MDAifSwiTGFzdFVzZWRUZW1wbGF0ZUlkIjoiZjM3NDYwNjMtMDA0Yy00NDVkLTkxODctY2VkZjdhY2UxNDNiIiwiRmlyc3RXZWVrT2ZZZWFyIjowLCJQbGFjZU1pbGVzdG9uZUF0VGhlQmVnaW5uaW5nT2ZUaGVEYXkiOmZhbHNlLCJEZXBlbmRlbmN5U2NoZWR1bGluZ1NldHRpbmdzIjp7IiRpZCI6IjUx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 2013 - 2022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2ED93976F985F42831E4B11FF9756C6" ma:contentTypeVersion="18" ma:contentTypeDescription="Create a new document." ma:contentTypeScope="" ma:versionID="9f3ab1abaf648548454c79d680ef5974">
  <xsd:schema xmlns:xsd="http://www.w3.org/2001/XMLSchema" xmlns:xs="http://www.w3.org/2001/XMLSchema" xmlns:p="http://schemas.microsoft.com/office/2006/metadata/properties" xmlns:ns2="d37226b2-12a6-4dc3-a68f-e162cd0795c4" xmlns:ns3="f6b1d80a-5717-428b-b7f8-dfb6a276f7b9" targetNamespace="http://schemas.microsoft.com/office/2006/metadata/properties" ma:root="true" ma:fieldsID="b538b3eabe95fd6a61a59a442ff50471" ns2:_="" ns3:_="">
    <xsd:import namespace="d37226b2-12a6-4dc3-a68f-e162cd0795c4"/>
    <xsd:import namespace="f6b1d80a-5717-428b-b7f8-dfb6a276f7b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LengthInSeconds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37226b2-12a6-4dc3-a68f-e162cd0795c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OCR" ma:index="1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7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8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19" nillable="true" ma:displayName="Length (seconds)" ma:internalName="MediaLengthInSeconds" ma:readOnly="true">
      <xsd:simpleType>
        <xsd:restriction base="dms:Unknown"/>
      </xsd:simpleType>
    </xsd:element>
    <xsd:element name="MediaServiceLocation" ma:index="20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2ef47989-784c-489a-9429-d0794a707739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4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6b1d80a-5717-428b-b7f8-dfb6a276f7b9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550213e5-3c04-4377-9874-9555cf2e41dd}" ma:internalName="TaxCatchAll" ma:showField="CatchAllData" ma:web="f6b1d80a-5717-428b-b7f8-dfb6a276f7b9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f6b1d80a-5717-428b-b7f8-dfb6a276f7b9" xsi:nil="true"/>
    <lcf76f155ced4ddcb4097134ff3c332f xmlns="d37226b2-12a6-4dc3-a68f-e162cd0795c4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C15EF1CE-6938-49CB-BB01-C0D6340BEC5D}"/>
</file>

<file path=customXml/itemProps2.xml><?xml version="1.0" encoding="utf-8"?>
<ds:datastoreItem xmlns:ds="http://schemas.openxmlformats.org/officeDocument/2006/customXml" ds:itemID="{49E4B4B4-A9F0-4FF7-9FA2-D271A641675A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211A44FC-846E-4292-BEEE-F94437FA5E1A}">
  <ds:schemaRefs>
    <ds:schemaRef ds:uri="http://schemas.openxmlformats.org/package/2006/metadata/core-properties"/>
    <ds:schemaRef ds:uri="http://schemas.microsoft.com/office/2006/metadata/properties"/>
    <ds:schemaRef ds:uri="http://purl.org/dc/elements/1.1/"/>
    <ds:schemaRef ds:uri="http://www.w3.org/XML/1998/namespace"/>
    <ds:schemaRef ds:uri="http://purl.org/dc/dcmitype/"/>
    <ds:schemaRef ds:uri="http://schemas.microsoft.com/office/infopath/2007/PartnerControls"/>
    <ds:schemaRef ds:uri="http://purl.org/dc/terms/"/>
    <ds:schemaRef ds:uri="http://schemas.microsoft.com/office/2006/documentManagement/types"/>
    <ds:schemaRef ds:uri="da997c7d-c8a4-4bdd-a623-9bf25aac6b5c"/>
    <ds:schemaRef ds:uri="06f01fed-81b5-4564-8d42-d3ca940ce4a6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 2013 - 2022</Template>
  <TotalTime>51</TotalTime>
  <Words>203</Words>
  <Application>Microsoft Office PowerPoint</Application>
  <PresentationFormat>On-screen Show (4:3)</PresentationFormat>
  <Paragraphs>2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Century Gothic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Omar Kaddoura</dc:creator>
  <cp:lastModifiedBy>Rhiannon Chin</cp:lastModifiedBy>
  <cp:revision>3</cp:revision>
  <dcterms:created xsi:type="dcterms:W3CDTF">2023-11-15T21:57:06Z</dcterms:created>
  <dcterms:modified xsi:type="dcterms:W3CDTF">2023-11-15T22:54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2ED93976F985F42831E4B11FF9756C6</vt:lpwstr>
  </property>
</Properties>
</file>